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31. Angiograf pre KK - ARYT\2. Príprava\PTK_upgrade arytmo\PTK II\"/>
    </mc:Choice>
  </mc:AlternateContent>
  <bookViews>
    <workbookView xWindow="0" yWindow="0" windowWidth="23040" windowHeight="9195"/>
  </bookViews>
  <sheets>
    <sheet name="Cenová ponuka" sheetId="8" r:id="rId1"/>
  </sheets>
  <definedNames>
    <definedName name="_xlnm.Print_Area" localSheetId="0">'Cenová ponuka'!$B$1:$F$32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63" uniqueCount="461">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tovar, služba</t>
  </si>
  <si>
    <t>7.</t>
  </si>
  <si>
    <t>12.</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50421000-2 Opravy a údržba lekárskych zariadení</t>
  </si>
  <si>
    <t>60000000-8 Dopravné služby (bez prepravy odpadu)</t>
  </si>
  <si>
    <t xml:space="preserve">51400000-9 Inštalácia lekárskych zariadení </t>
  </si>
  <si>
    <t>33111720 -4 Angiografické prístroje</t>
  </si>
  <si>
    <r>
      <rPr>
        <b/>
        <sz val="10"/>
        <color theme="1"/>
        <rFont val="Arial"/>
        <family val="2"/>
        <charset val="238"/>
      </rPr>
      <t xml:space="preserve">Zoznam a kontaktné údaje servisných stredísk </t>
    </r>
    <r>
      <rPr>
        <sz val="10"/>
        <color theme="1"/>
        <rFont val="Arial"/>
        <family val="2"/>
        <charset val="238"/>
      </rPr>
      <t>dodávateľa pre potreby plnenia zmluvy. Požadovaný doklad musí uchádzač predložiť vo forme naskenovaného originálu, vo formáte .pdf s názvom „Zoznam servisných stredísk“.</t>
    </r>
  </si>
  <si>
    <r>
      <rPr>
        <b/>
        <sz val="10"/>
        <color theme="1"/>
        <rFont val="Arial"/>
        <family val="2"/>
        <charset val="238"/>
      </rPr>
      <t>Kontaktné údaje na Klientske pracovisko</t>
    </r>
    <r>
      <rPr>
        <sz val="10"/>
        <color theme="1"/>
        <rFont val="Arial"/>
        <family val="2"/>
        <charset val="238"/>
      </rPr>
      <t xml:space="preserve"> uchádzača - tzv. „Hotline", „Helpdesk", „Call centrum ..."pre potreby plnenia zmluvy. Požadovaný doklad musí uchádzač predložiť vo forme naskenovaného originálu, vo formáte .pdf s názvom „Kontaktné údaje na klientske pracovisko“.</t>
    </r>
  </si>
  <si>
    <t>Technologický projekt návrh priestorového usporiadania</t>
  </si>
  <si>
    <t>Odborné skúšky RTG zariadenia v súlade s legislatívou - preberacia skúška</t>
  </si>
  <si>
    <t xml:space="preserve">Odborná skúška zariadenia - elektrické revízie </t>
  </si>
  <si>
    <t>Skúšky dlhodobej stability v zmysle zákona č. 87/2018 o radiačnej ochrane a o zmene a doplnení niektorých zákonov</t>
  </si>
  <si>
    <r>
      <rPr>
        <b/>
        <sz val="10"/>
        <color theme="1"/>
        <rFont val="Arial"/>
        <family val="2"/>
        <charset val="238"/>
      </rPr>
      <t>Povolenie na dovoz, vývoz, predaj a distribúciu zdrojov ionizujúceho žiarenia.</t>
    </r>
    <r>
      <rPr>
        <sz val="10"/>
        <color theme="1"/>
        <rFont val="Arial"/>
        <family val="2"/>
        <charset val="238"/>
      </rPr>
      <t xml:space="preserve"> Rovnako ako aj povolenie na inštaláciu a servis zdrojov ionizujúceho žiarenia, vydané Úradom verejného zdravotníctva SR - zákon 355/2007 Z.z.</t>
    </r>
  </si>
  <si>
    <t>Upgrade podlahového angiografického prístroja INNOVA 2100 s ponechaním röntgenovej lampy umožňujúci kompletnú arytmologickú diagnostiku a liečbu. Upgrade na zariadenie, ktoré využíva technológie umelej inteligencie na úpravu pomeru kontrastu k šumu, aby sa dosiahla minimálna dávka podľa princípu ALARA ((„tak nízka, ako je rozumne dosiahnuteľná“), bez nepriaznivého ovplyvnenia kvality obrazu).</t>
  </si>
  <si>
    <t>1. Všeobecný opis zariadenia</t>
  </si>
  <si>
    <t>1.1</t>
  </si>
  <si>
    <t>Prístroj (pracovisko) musí byť vybavený veľkoplošnou obrazovkou vo vyšetrovacej miestnosti s možnosťou prepojenia všetkých potrebných zobrazení a modalít potrebných na vyšetrenia a intervenčné zákroky. Prístroj musí byť cielene určený pre elektrofyziologické výkony s dedikovaným hardverovým tienením a/alebo SW funkciami špecificky určenými na minimalizáciu interferencie s elektrofyziologickými a 3D mapovacími systémami (EnSite, CARTO).</t>
  </si>
  <si>
    <t>Upgrade podlahového angiografického prístroja INNOVA 2100 s ponechaním röntgenovej lampy umožňujúci kompletnú arytmologickú diagnostiku a liečbu.</t>
  </si>
  <si>
    <t xml:space="preserve">Upgrade na zariadenie, ktoré využíva technológie umelej inteligencie na úpravu pomeru kontrastu k šumu, aby sa dosiahla minimálna dávka podľa princípu ALARA ((„tak nízka, ako je rozumne dosiahnuteľná“), bez nepriaznivého ovplyvnenia kvality obrazu). </t>
  </si>
  <si>
    <t xml:space="preserve">Upgrade na prístroj vybavený plochým detektorom. </t>
  </si>
  <si>
    <t>Systém musí byť možné napojiť na nemocničný informačný systém NIS, ako aj na úložisko dát a internet.</t>
  </si>
  <si>
    <t>Postprocesorová stanica musí byť schopná vyhodnotiť všetky digitálne obrazové dáta s možnosťou ďalšieho spracovania a archivácie aj z iných zdrojov obrazu (napr. CT, MR, EKG, ECHO).</t>
  </si>
  <si>
    <t>1.2</t>
  </si>
  <si>
    <t>1.3</t>
  </si>
  <si>
    <t>1.4</t>
  </si>
  <si>
    <t>1.5</t>
  </si>
  <si>
    <t>1.6</t>
  </si>
  <si>
    <t>1.7</t>
  </si>
  <si>
    <t xml:space="preserve">2. Geometria (C-ramena)  </t>
  </si>
  <si>
    <t>Možnosť motorického polohovania ramena +/- 90 stupňov voči pacientovi bez nutnosti otáčania stola.</t>
  </si>
  <si>
    <t xml:space="preserve">Možnosť automatických programovateľných pozícií. </t>
  </si>
  <si>
    <t>2.1</t>
  </si>
  <si>
    <t>2.2</t>
  </si>
  <si>
    <t>2.3</t>
  </si>
  <si>
    <t>2.4</t>
  </si>
  <si>
    <t xml:space="preserve">Flexibilné motoricky posuvné C-rameno upevnené o podlahu.  </t>
  </si>
  <si>
    <t>Kontúrovanie pacienta zabezpečujúce konštantnú vzdialenosť medzi detektorom a telom pacienta počas zmeny projekcie.</t>
  </si>
  <si>
    <t>3. Diagnostický stôl pacienta</t>
  </si>
  <si>
    <t>3.1</t>
  </si>
  <si>
    <t>3.2</t>
  </si>
  <si>
    <t>3.3</t>
  </si>
  <si>
    <t>3.4</t>
  </si>
  <si>
    <t>3.5</t>
  </si>
  <si>
    <t>3.6</t>
  </si>
  <si>
    <t>3.7</t>
  </si>
  <si>
    <t>Podložka hlavy.</t>
  </si>
  <si>
    <t>Fixačné pomôcky pre fixovanie pacienta.</t>
  </si>
  <si>
    <t>Držiak pre podporu ramena pri prístupe z radiálnej alebo brachiálnej tepny.</t>
  </si>
  <si>
    <t>Stojan infúznych roztokov a držiak káblov k stolu.</t>
  </si>
  <si>
    <t>Sledovanie skutočnej polohy röntgenového lúča vo vzťahu k modelu pokrývajúceho celé telo pacienta, berúc do úvahy polohu pacienta na stole, bez potreby fluoroskopie.</t>
  </si>
  <si>
    <t>4. Kolimátor</t>
  </si>
  <si>
    <t>4.1</t>
  </si>
  <si>
    <t>4.2</t>
  </si>
  <si>
    <t>Nastavenie clony kolimátora na monitore bez žiarenia.</t>
  </si>
  <si>
    <t>Zariadenie musí mať integrovaný systém merania dávky. Produkovaná dávka a plošná dávka musia byť kumulatívne spracované a zobrazované, správa o dávke musí byť uložená do pacientskej série vyšetrení v DICOM kompatibilnom štruktúrovanom reporte.</t>
  </si>
  <si>
    <t xml:space="preserve">5. Aplikácie na minimalizovanie dávky röntgenového žiarenia bez negatívnych vplyvov na kvalitu obrazu </t>
  </si>
  <si>
    <t>5.1</t>
  </si>
  <si>
    <t>V záujme znižovania dávky pre pacientov a personál systém musí obsahovať inteligentný riadiaci softvér, ktorý pomáha minimalizovať dávku röntgenového žiarenia, pri dodržaní princípu ALARA („As Low As Reasonably Achievable“), bez negatívnych vplyvov na kvalitu obrazu.</t>
  </si>
  <si>
    <t>5.2</t>
  </si>
  <si>
    <t>Automatický riadiaci systém rtg generátora pre plne automatický výpočet a optimalizáciu údajov pre  expozíciu na základe skiaskopických hodnôt.</t>
  </si>
  <si>
    <t xml:space="preserve">Polohovanie primárnych kolimátorov bez radiácie pomocou grafického znázornenia kolimátorov na poslednom archivovanom obraze.  </t>
  </si>
  <si>
    <t xml:space="preserve">Monitorovanie a znázornenie dávky na monitoroch v obsluhovni a vo vyšetrovni v reálnom čase. </t>
  </si>
  <si>
    <t xml:space="preserve">Signalizácia dosiahnutia a prekročenia užívateľom stanovenej dávky. </t>
  </si>
  <si>
    <t>Musí zabezpečiť v reálnom čase potlačenie pohybových artefaktov, zvýraznenie hrán vyšetrovaných objektov, redukciu šumu v obraze a korekciu homogenity obrazu.</t>
  </si>
  <si>
    <t>Vyberateľný raster na zníženie dávky žiarenia.</t>
  </si>
  <si>
    <t>5.3</t>
  </si>
  <si>
    <t>5.4</t>
  </si>
  <si>
    <t>5.5</t>
  </si>
  <si>
    <t>5.6</t>
  </si>
  <si>
    <t>5.7</t>
  </si>
  <si>
    <t>5.8</t>
  </si>
  <si>
    <t>5.9</t>
  </si>
  <si>
    <t>6. Obrazové spracovanie</t>
  </si>
  <si>
    <t>6.1</t>
  </si>
  <si>
    <t>6.2</t>
  </si>
  <si>
    <t>6.3</t>
  </si>
  <si>
    <t>6.4</t>
  </si>
  <si>
    <t>6.5</t>
  </si>
  <si>
    <t>6.6</t>
  </si>
  <si>
    <t>6.7</t>
  </si>
  <si>
    <t>Rozšírenie výstupu videosignálu z veľkého monitora z vyšetrovne pre prenos obrazu do prednáškovej miestnosti pomocou počítačovej siete.</t>
  </si>
  <si>
    <t>DICOM obrazový interface (DICOM Store, Query/Retrieve).</t>
  </si>
  <si>
    <t>DICOM RIS interface (DICOM WLM, MPPS, DICOM structured dose report).</t>
  </si>
  <si>
    <t>Rozhranie pre pripojenie UZ prístroja.</t>
  </si>
  <si>
    <t>Možnosť uloženia vyšetrenia na DVD.</t>
  </si>
  <si>
    <t>7. Monitor vo vyšetrovni</t>
  </si>
  <si>
    <t>7.1</t>
  </si>
  <si>
    <t>7.1.1</t>
  </si>
  <si>
    <t>zobrazenia min. 18 kanálov (video vstupov) na monitor.</t>
  </si>
  <si>
    <t>8. Monitor v ovládacej miestnosti</t>
  </si>
  <si>
    <t>8.1</t>
  </si>
  <si>
    <t>9. Ovládanie systému</t>
  </si>
  <si>
    <t>Ovládanie všetkých funkcií pohybu C-ramene z panelov na troch stranách detektora.</t>
  </si>
  <si>
    <t>9.1</t>
  </si>
  <si>
    <t>9.2</t>
  </si>
  <si>
    <t>9.3</t>
  </si>
  <si>
    <t>9.4</t>
  </si>
  <si>
    <t>Ovládanie všetkých funkcií pohybu C-ramena a stola z testovacieho stola. Ovládací panel sa musí dať ľahko umiestniť na obe strany vyšetrovacieho stola (buď na pravú alebo ľavú stranu pacienta, v závislosti od operátora).</t>
  </si>
  <si>
    <t>Bezkáblový nožný spínač vo vyšetrovni pre ovládanie expozície, skiaskopie fluoroskopie.</t>
  </si>
  <si>
    <t>Dotyková obrazovka umiestnená na diagnostickom stole (môže byť umiestnená vpravo alebo vľavo v závislosti od polohy operátora) na ovládanie funkcií systému, zobrazenie funkcií systému a funkcií vybraných prídavných zariadení.</t>
  </si>
  <si>
    <t>10. Pracovné módy obrazového systému</t>
  </si>
  <si>
    <t>Rozsah digitálnej obrazovej akvizície pre maticu 1024 x 1024 min. 4 – 30 obr./sec</t>
  </si>
  <si>
    <t>10.1</t>
  </si>
  <si>
    <t>10.2</t>
  </si>
  <si>
    <t>10.3</t>
  </si>
  <si>
    <t>Rozsah pulzov pri pulznej fluorokopii min. 4 – 30 obr./sec.</t>
  </si>
  <si>
    <t>11. Intervenčné nástroje</t>
  </si>
  <si>
    <t>11.1</t>
  </si>
  <si>
    <t xml:space="preserve">Zobrazenie všetkých intervenčných nástrojov (SW) na medicínskom monitore v ovládacej miestnosti ako napr. minimálne: zobrazenie obrazov s 3D postprocesingovej pracovnej stanice, meranie a grafické vyhodnotenie stenóz, meranie a vyhodnotenie EF ĽK, znázornenie obrazu z externých video zdrojov ako napr. PACS, hemodynamický systém, ultrazvukový prístroj, OCT .... . </t>
  </si>
  <si>
    <t>11.2</t>
  </si>
  <si>
    <t xml:space="preserve">Paralelné zobrazenie všetkých intervenčných nástrojov (SW) na veľkom monitore vo vyšetrovni ako napr. minimálne: zobrazenie obrazov s 3D postprocesingovej pracovnej stanice, meranie a grafické  vyhodnotenie stenóz, meranie a vyhodnotenie EF ĽK, znázornenie obrazu  z externých video zdrojov ako napr. PACS, hemodynamický systém, ultrazvukový  prístroj, .... . </t>
  </si>
  <si>
    <t>Automatické nastavenie pozície C-ramena do optimálnej polohy podľa 3D projekcie, nasledovanie 3D obrazu v závislosti na zmene sklonu C-ramena.</t>
  </si>
  <si>
    <t>11.3</t>
  </si>
  <si>
    <t>11.4</t>
  </si>
  <si>
    <t>11.5</t>
  </si>
  <si>
    <t>11.6</t>
  </si>
  <si>
    <t>11.7</t>
  </si>
  <si>
    <t>11.8</t>
  </si>
  <si>
    <t>11.9</t>
  </si>
  <si>
    <t>11.10</t>
  </si>
  <si>
    <t xml:space="preserve">Roadmapping pomocou kombinácie živej fluoroskopie a predom získaných 3D MR/CT dát, pričom obraz musí sledovať pohyby C-ramena. </t>
  </si>
  <si>
    <t>Vysokokontrastné a nízkokontrastné znázornenie obrazov v 3D v natívnom.</t>
  </si>
  <si>
    <t>Plánovanie o podpora zavádzania ihly do určeného objektu pomocou 3D/3D alebo 2D/3D fúzovaných obrazov z angiografického zariadenia a živého skiaskopického obrazu alebo fúzovaných obrazov z nezávislých obrazových zdrojov ako CT, MR, PET, PET/CT so živým skiaskopickým obrazom. Pri zavádzaní ihly sa využíva podpora laserového kríža v kryte detektorov.</t>
  </si>
  <si>
    <t>SW pre fúziu fluoroskopických 2D/3D obrazov s obrazmi z nezávislých zdrojov ako MR,CT,PET/CT,PET, kedy volumetrické snímky sú následne automaticky spojené s 3D – RA rekonštrukciou.</t>
  </si>
  <si>
    <t>Integrovaná pracovná stanica do angiografického systému alebo samostatná pracovná stanica s:</t>
  </si>
  <si>
    <t>Export obrazových dát v štandardných PC formátoch (JPEG, AVI...) ako aj DICOM.</t>
  </si>
  <si>
    <t>12.1</t>
  </si>
  <si>
    <r>
      <rPr>
        <sz val="7"/>
        <color theme="1"/>
        <rFont val="Times New Roman"/>
        <family val="1"/>
        <charset val="238"/>
      </rPr>
      <t xml:space="preserve"> </t>
    </r>
    <r>
      <rPr>
        <sz val="10"/>
        <color theme="1"/>
        <rFont val="Arial"/>
        <family val="2"/>
        <charset val="238"/>
      </rPr>
      <t xml:space="preserve">HDD v prípade samostatnej pracovnej stanici min. 512 GB, </t>
    </r>
  </si>
  <si>
    <t>myš + klávesnica + laserová tlačiareň,</t>
  </si>
  <si>
    <t>UPS v prípade samostatnej pracovnej stanici.</t>
  </si>
  <si>
    <t>13.1</t>
  </si>
  <si>
    <t xml:space="preserve">Hemodynamický informačný a záznamový systém - kompletný systém na vyhodnocovanie hemodynamických parametrov. Systém musí obsahovať minimálne nasledovné softvérové vybavenia:                                                                                         </t>
  </si>
  <si>
    <t>13.2</t>
  </si>
  <si>
    <t xml:space="preserve">Príslušenstvo pre hemodynamický systém: </t>
  </si>
  <si>
    <t xml:space="preserve">príslušenstvo na meranie EKG, </t>
  </si>
  <si>
    <t xml:space="preserve">sada káblov a elektród, </t>
  </si>
  <si>
    <t xml:space="preserve">rtg transparentné EKG káble, </t>
  </si>
  <si>
    <t xml:space="preserve">záložný UPS zdroj, </t>
  </si>
  <si>
    <t xml:space="preserve">softvérová aplikácia pre grafickú dokumentáciu srdcových štruktúr, </t>
  </si>
  <si>
    <t xml:space="preserve">softvérová aplikácia pre grafickú dokumentáciu koronárnych ciev, </t>
  </si>
  <si>
    <t xml:space="preserve">DICOM rozhranie – DICOM HIS/RIS Worklist/MPPS, </t>
  </si>
  <si>
    <t xml:space="preserve">2 TFT monitory na znázornenie EKG signálov a textu s integráciou obrazových informácií  z týchto monitorov do veľkoplošného monitora vo vyšetrovni,                                                                                                                                                                                  </t>
  </si>
  <si>
    <t xml:space="preserve">                                                                                                                                                                       vytváranie rôznych správ a meniteľných formulárov z vykonaných vyšetrení.</t>
  </si>
  <si>
    <t>11.11</t>
  </si>
  <si>
    <t>11.11.1</t>
  </si>
  <si>
    <t>11.11.2</t>
  </si>
  <si>
    <t>11.11.3</t>
  </si>
  <si>
    <t>11.11.4</t>
  </si>
  <si>
    <t>11.11.5</t>
  </si>
  <si>
    <t>11.12</t>
  </si>
  <si>
    <t>12. Hemodynamický systém</t>
  </si>
  <si>
    <t>12.12</t>
  </si>
  <si>
    <t>12.1.1</t>
  </si>
  <si>
    <t>12.1.2</t>
  </si>
  <si>
    <t>12.12.1</t>
  </si>
  <si>
    <t>12.12.2</t>
  </si>
  <si>
    <t>12.12.3</t>
  </si>
  <si>
    <t>12.12.4</t>
  </si>
  <si>
    <t>12.12.5</t>
  </si>
  <si>
    <t>12.12.6</t>
  </si>
  <si>
    <t>12.12.7</t>
  </si>
  <si>
    <t>12.12.8</t>
  </si>
  <si>
    <t>12.12.9</t>
  </si>
  <si>
    <t>13. Príslušenstvo:</t>
  </si>
  <si>
    <t>štít z olovnatého skla zo stropným závesom,</t>
  </si>
  <si>
    <t>clony z olovnatej gumy s uchytením k stolu,</t>
  </si>
  <si>
    <t>13.3</t>
  </si>
  <si>
    <t>13.4</t>
  </si>
  <si>
    <t>13.5</t>
  </si>
  <si>
    <t>podložky pod hlavu a ruky pacienta,</t>
  </si>
  <si>
    <t xml:space="preserve">dorozumievacie zariadenie pre komunikáciu medzi ovládacou miestnosťou a vyšetrovňou, </t>
  </si>
  <si>
    <t>13.6</t>
  </si>
  <si>
    <t>14. Automatická striekačka kontrastnej látky</t>
  </si>
  <si>
    <t>14.1</t>
  </si>
  <si>
    <t>14.2</t>
  </si>
  <si>
    <t>14.3</t>
  </si>
  <si>
    <t>14.4</t>
  </si>
  <si>
    <t>14.5</t>
  </si>
  <si>
    <t>14.6</t>
  </si>
  <si>
    <t>14.7</t>
  </si>
  <si>
    <t>14.8</t>
  </si>
  <si>
    <t>14.9</t>
  </si>
  <si>
    <t>14.10</t>
  </si>
  <si>
    <t>14.11</t>
  </si>
  <si>
    <t>14.12</t>
  </si>
  <si>
    <t>14.13</t>
  </si>
  <si>
    <t>14.14</t>
  </si>
  <si>
    <t>14.15</t>
  </si>
  <si>
    <t xml:space="preserve">Angiografická vysokotlaková striekačka zavesená na pacientský stôl s variabilným prietokom, umožňuje aplikáciu kontrolovaného variabilného objemu a rýchlosti podania kontrastnej látky a preplach fyziologickým roztokom, čo je riadené sterilným diaľkovým ovládačom v priebehu intervenčného výkonu. </t>
  </si>
  <si>
    <t>Prístroj na aplikáciu kontrastnej látky pre kardiológiu a intervenčnú rádiológiu.</t>
  </si>
  <si>
    <t>Napájanie z pacientského stola 240 V/50 Hz.</t>
  </si>
  <si>
    <t>Flexibilné upevnenie na stolnej lište.</t>
  </si>
  <si>
    <t>Preplach fyziologickým roztokom.</t>
  </si>
  <si>
    <t>Riadenie aplikácie sterilným manuálnym diaľkovým ovládaním alebo dotykovým displejom.</t>
  </si>
  <si>
    <t>Kontrola prekročenia maximálneho objemu a rýchlosti podávanej kontrastnej látky.</t>
  </si>
  <si>
    <t>Programovateľné protokoly podľa typu intervenčného výkonu.</t>
  </si>
  <si>
    <t>Vyprázdnenie zásobníka kontrastnej látky.</t>
  </si>
  <si>
    <t>Synchronizácia s angiografickým zariadením.</t>
  </si>
  <si>
    <t>Senzory na detekciu vzduchu.</t>
  </si>
  <si>
    <t>Tlakové limity minimálne: 1400 – 8000 kPa.</t>
  </si>
  <si>
    <t>Veľkosť valca - zásobníka kontrastnej látky minimálne 100 ml.</t>
  </si>
  <si>
    <t>Rýchlosť plnenia manuálne alebo automatické minimálne 3 ml/sec.</t>
  </si>
  <si>
    <t>Katetrizačný stôl s „plávajúcou“ úložnou doskou s možnosťou otáčania – pivot  minimálne ± 180°, nosnosť min. 250 kg.</t>
  </si>
  <si>
    <t>Pacientska podložka (matrac) pre kardiologické vyšetrenia minimálne 15 cm hrúbky.</t>
  </si>
  <si>
    <t xml:space="preserve">Medicínsky LCD HD farebný monitor s uhlopriečkou min. 57" s natívnym formátom min. 3840 x 2160 (8 Mpix), typická svietivosť min. 400 cd/m2, kontrast minimálne 1:1400 s možnosťou: 
  </t>
  </si>
  <si>
    <t xml:space="preserve">minimálne dva 19“ LCD farebné monitory alebo jeden minimálne 27“ LCD farebný monitor, </t>
  </si>
  <si>
    <t xml:space="preserve">operačné svietidlo na stropnom závese s intenzitou svetla minimálne 30.000 lux, </t>
  </si>
  <si>
    <t>Kontrolný panel, farebná dotyková obrazovka, prietokové rýchlosti kontrastnej látky podľa užívateľa, prednastavené konštantné alebo variabilné v rozsahu minimálne 0,8 – 40 ml/s.</t>
  </si>
  <si>
    <t>15. Služby súvisiace s dodaním upgrade angiografického systému s príslušenstvom pre intervenčnú arytmológiu</t>
  </si>
  <si>
    <t>Zaškolenie zamestnancov verejného obstarávateľa do 21 dní odo dňa doručenia výzvy verejného obstarávateľa v rozsahu potrebnom na samostatné užívateľské ovládanie prístroja, minimálne 5 pracovných dní a zároveň ďalšie aplikačné školenie po 3 mesiacoch odo dňa uvedenia predmetu zákazky do prevádzky v rozsahu 3 pracovných dní a zároveň ďalšie aplikačné školenie po 12 mesiacoch odo dňa uvedenia predmetu zákazky do prevádzky. Všetky školenia musia byť prevedené v slovenskom jazyku, resp. v prípade zahraničného školiteľa musí byť prítomný tlmočník.</t>
  </si>
  <si>
    <t>15.1</t>
  </si>
  <si>
    <t>15.2</t>
  </si>
  <si>
    <t>15.3</t>
  </si>
  <si>
    <t>15.4</t>
  </si>
  <si>
    <t>15.5</t>
  </si>
  <si>
    <t>15.6</t>
  </si>
  <si>
    <t>Dodanie predmetu zákazky t.j. zabezpečenie dopravy do miesta plnenia, jeho vyloženie v mieste plnenia, vybalenie a likvidácia obalov.</t>
  </si>
  <si>
    <t xml:space="preserve">Kompletizácia, inštalácia a uvedenie do prevádzky.  </t>
  </si>
  <si>
    <t>9.5</t>
  </si>
  <si>
    <t>9.5.1</t>
  </si>
  <si>
    <t xml:space="preserve">možnosť robiť analýzu a meranie, kalibráciu, výber scény a kopírovanie obrazu na referenčný monitor počas skiaskopie a fluoroskopie,      </t>
  </si>
  <si>
    <t>9.5.2</t>
  </si>
  <si>
    <t>možnosť nastavenia parametrov obrazu minimálne však kontrast, jas, ostrenie okrajov (zvýraznenie hrán) na ovládači v ovládacej miestnosti o živým náhľadom týchto zmien na veľkom displeji.</t>
  </si>
  <si>
    <t xml:space="preserve">Integrácia angiografických aplikácií a aplikácií z externých zdrojov do angiografu (hemodynamický systém, externý prenosný počítač, postprocesorová stanica ...) s monitorom min. 55 palcov vo vyšetrovni umožňujúce: 
</t>
  </si>
  <si>
    <t>SW na spracovanie obrazov aj z iných modalít s minimálnymi funkciami: MPR (multiplanárna rekonštrukcia), SSD (zobrazenia s vytieňovaným povrchom), MIP (projekcie maximálnej intenzity) alebo MinIP (projekcie min. intenzity).</t>
  </si>
  <si>
    <t>záložný zdroj energie: na zabezpečenie podpory pohybu rúk a stola a prenosu obrazových údajov.</t>
  </si>
  <si>
    <t xml:space="preserve">Odskúšanie funkčnosti a prevádzkyschopnosti dodaného predmetu zákazky, vykonanie prvej úradnej skúšky (preberacej skúšky) a vykonanie skúšky dlhodobej stability. </t>
  </si>
  <si>
    <t>Upgrade angiografického prístroja INNOVA 2100 s príslušenstvom pre arytmologickú implantačnú sálu</t>
  </si>
  <si>
    <t>2.5</t>
  </si>
  <si>
    <t>2.6</t>
  </si>
  <si>
    <t>13.</t>
  </si>
  <si>
    <t>14.</t>
  </si>
  <si>
    <t>15.</t>
  </si>
  <si>
    <t>16.</t>
  </si>
  <si>
    <t>17.</t>
  </si>
  <si>
    <t>18.</t>
  </si>
  <si>
    <t>19.</t>
  </si>
  <si>
    <t>20.</t>
  </si>
  <si>
    <t>21.</t>
  </si>
  <si>
    <t>22.</t>
  </si>
  <si>
    <t>23.</t>
  </si>
  <si>
    <t>24.</t>
  </si>
  <si>
    <t>25.</t>
  </si>
  <si>
    <t>26.</t>
  </si>
  <si>
    <t>27.</t>
  </si>
  <si>
    <t>28.</t>
  </si>
  <si>
    <t>29.</t>
  </si>
  <si>
    <t>30.</t>
  </si>
  <si>
    <t>31.</t>
  </si>
  <si>
    <t>32.</t>
  </si>
  <si>
    <t>33.</t>
  </si>
  <si>
    <t>34.</t>
  </si>
  <si>
    <t>35.</t>
  </si>
  <si>
    <t>36.</t>
  </si>
  <si>
    <t>Požaduje sa uzatvorenie kúpnej zmluvy.</t>
  </si>
  <si>
    <t>Požaduje sa splnenie predmetu zákazky:</t>
  </si>
  <si>
    <t>v pracovných dňoch,</t>
  </si>
  <si>
    <t>v čase od 07:00 hod. do 14:30 hod.,</t>
  </si>
  <si>
    <t xml:space="preserve">v sídle Objednávateľa na vlastné náklady,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tnúť potrebnú súčinnosť pri dodaní,</t>
  </si>
  <si>
    <t>s preberacím protokolom, ktorý musí obsahovať okrem povinných náležitostí aj číslo objednávky (ak bola vystavená), číslo zmluvy, jednotkovú cenu príslušnej položky bez DPH, s DPH, sadzbu DPH, celkovú cenu príslušnej položky bez DPH, s DPH.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predmetu zákazky je Objednávateľ povinný Dodávateľovi písomne potvrdiť na preberacom protokole. Jedna kópia preberacieho protokolu ostáva Objednávateľovi. V prípade uplatnenia oprávnenej výhrady Objednávateľa pri dodaní predmetu zákazky, ostáva predmet zákazky vo vlastníctve Dodávateľa až do doby, kým Dodávateľ neodstráni prekážku, ktorá bráni Objednávateľovi predmet zákazky riadne prevziať. </t>
  </si>
  <si>
    <t>Objednávateľ si vyhradzuje právo prevziať iba plnenie spĺňajúce všetky technické vlastnosti uvedené v Technickej špecifikácií predmetu zákazky, ktorý je funkčný, bez zjavných vád, dodaný v kompletnom stave a v požadovanom množstve. V opačnom prípade si Objednávateľ predmetu zákazky vyhradzuje právo nepodpísať preberací protokol, neprevziať doručený tovar a nezaplatiť cenu za riadne nedodaný tovar.</t>
  </si>
  <si>
    <t>Funkčné, technické a výkonnostné požiadavky na predmet zákazky, ktoré sú uvedené v Technickej špecifikácii predmetu zákazky sú považované za minimálne. Objednávateľ predmetu zákazky akceptuje aj také funkčné, technické a výkonnostné vlastnosti predmetu zákazky v rámci predloženej kontraktačnej ponuky, ktorých vyjadrené kvantifikovateľné aj nekvantifikovateľné parametre budú vyššie (lepšie) ako sú Objednávateľom predmetu zákazky uvedené požadované parametre funkčných, technických a výkonnostných vlastností predmetu zákazky.</t>
  </si>
  <si>
    <t>Súčasťou záväzku Dodávateľa je zároveň poskytnutie písomných dokladov potrebných pre riadne a bezchybné použitie predmetu zákazky na stanovený účel, a to najmä, no nie len výlučne: návod na použitie v slovenskom alebo českom jazyku, záručný list, preberací (akceptačný) protokol, inštalačný protokol, protokol o odbornom zaškolení zamestnancov Objednávateľa s obsluhou predmetu zákazky.</t>
  </si>
  <si>
    <t>Súčasťou dodania predmetu zákazky je aj povinnosť Dodávateľa odovzdať Objednávateľovi:
- zoznam a kontaktné údaje servisných stredísk Dodávateľa pre potreby plnenia zmluvy,
- kontaktné údaje na Klientske pracovisko Dodávateľa - tzv. "Hotline", "Helpdesk", "Call centrum..." pre potreby plnenia zmluvy.</t>
  </si>
  <si>
    <t>Požaduje sa o inštalácii predmetu zákazky spísanie Inštalačného protokolu.</t>
  </si>
  <si>
    <t>Požaduje sa zaškolenie zamestnancov Objednávateľa o obsluhe predmetu zákazky najneskôr pri inštalácii predmetu zákazky a spísanie Protokolu o zaškolení.</t>
  </si>
  <si>
    <t>Požaduje sa otestovanie funkčnosti systému bezodkladne po inštalácii predmetu zákazky, o čom bude vystavené potvrdenie o funkčnosti systému.</t>
  </si>
  <si>
    <t>Požaduje sa poskytnutie záručnej doby na predmet zákazky v trvaní minimálne
24 kalendárnych mesiacov odo dňa protokolárneho odovzdania predmetu zákazky.</t>
  </si>
  <si>
    <t>Objednávateľ si vyhradzuje právo na posúdenie, či ponúkané riešenie je plne kompatibilné s existujúcim riešením.</t>
  </si>
  <si>
    <t>Dodávateľ je povinný vystaviť faktúru za poskytnuté plnenie v súlade s ustanovením §73 zákona č. 222/2004 Z. z. o dani z pridanej hodnoty v znení neskorších predpisov.</t>
  </si>
  <si>
    <t>Požaduje sa akceptovať, že platba za plnenie sa realizuje výlučne bezhotovostným platobným stykom na základe faktúry doručenej Dodávateľom, a to vždy za riadne a včas poskytnuté plnenie. Dodávateľ je povinný zaslať faktúru elektronicky na určenú e-mailovú adresu Objednávateľa: podatelna@vusch.sk</t>
  </si>
  <si>
    <t xml:space="preserve">Požaduje sa v zmysle § 340b ods. 5 zákona č. 513/1991 Z. z. Obchodného zákonníka v znení neskorších predpisov splatnosť faktúry v lehote 60  kalendárnych dní odo dňa jej doručenia Objednávateľovi. </t>
  </si>
  <si>
    <t>Zmluvná cena zahŕňa aj služby spojené s jeho dodaním, t. j. zabezpečenie dopravy do dohodnutého miesta dodania tovaru, dopravu Dodávateľa do miesta dodania a späť, ako aj všetky ostatné náklady Dodávateľa vynaložené v súvislosti s dodaním tovaru/poskytnutím služieb Objednávateľovi, uvedením do prevádzky (inštaláciou), odborným zaškolením obsluhy, poskytnutím užívateľskej dokumentácie, poskytnutím licencií, ako aj poskytovanie záručného servisu v mieste inštalácie.</t>
  </si>
  <si>
    <t xml:space="preserve">Servisný technik Dodávateľa je povinný nastúpiť na odstránenie vady v mieste inštalácie zariadenia do 48 hodín od nahlásenia v pracovný deň medzi 7:00 a 16:00 hod., resp. do 12:00 hod. nasledujúceho pracovného dňa, pokiaľ vada bola nahlásená po 16:00 hod. pracovného dňa alebo počas mimopracovného dňa. </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Objednávateľ je oprávnený vadu, ktorú zistí počas záručnej doby, nahlásiť Dodávateľovi prostredníctvom klientskeho pracoviska Dodávateľa. V prípade, ak komunikačným kanálom klientskeho pracoviska Dodávateľa je e-mailová komunikácia, za moment nahlásenia vady sa považuje moment prijatia 
e-mailovej správy Dodávateľom. V prípade ak komunikačným kanálom klientske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tiež zaslaním e-mailovej správy na oznámenú e-mailovú adresu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záručného servisu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Upgrade angiografického prístroja INNOVA 2100 s príslušenstvom</t>
  </si>
  <si>
    <t>Zariadenie musí byť synchronizované s vysokotlakovou striekačkou kontrastných látok.</t>
  </si>
  <si>
    <t xml:space="preserve">Termín realizácie update je max. 6 týždňov. </t>
  </si>
  <si>
    <t xml:space="preserve">softvérový upgrade na vylepšenie funkcionality zariadenia a zníženie radiačnej záťaže pre personál a pacientov pri zlepšenej kvalite obrazu. </t>
  </si>
  <si>
    <t>15.7</t>
  </si>
  <si>
    <t>15.8</t>
  </si>
  <si>
    <t>15.8.1</t>
  </si>
  <si>
    <t>15.8.2</t>
  </si>
  <si>
    <t>Report o dávke v štrukturálnom reporte v DICOM formáte (DICOM SR).</t>
  </si>
  <si>
    <t>Rotačná angiografia.</t>
  </si>
  <si>
    <r>
      <t xml:space="preserve">Minimálne 1 x 27" monitor s možnosťou variabilného rozdelenia obrazovej plochy, tak aby sa dal sledovať aktuálny skiaskopický obraz, roadmap  ako aj vykonávať 3D, VRT rekonštrukcie </t>
    </r>
    <r>
      <rPr>
        <sz val="10"/>
        <color rgb="FF000000"/>
        <rFont val="Arial"/>
        <family val="2"/>
        <charset val="238"/>
      </rPr>
      <t>ev 2 x LCD monitory</t>
    </r>
    <r>
      <rPr>
        <b/>
        <sz val="10"/>
        <color rgb="FF000000"/>
        <rFont val="Arial"/>
        <family val="2"/>
        <charset val="238"/>
      </rPr>
      <t xml:space="preserve"> </t>
    </r>
    <r>
      <rPr>
        <sz val="10"/>
        <color rgb="FF000000"/>
        <rFont val="Arial"/>
        <family val="2"/>
        <charset val="238"/>
      </rPr>
      <t>s rozmerom minimálne 19".</t>
    </r>
  </si>
  <si>
    <t>Uloženie minimálne posledných 10 sec.</t>
  </si>
  <si>
    <t>SW algoritmy pre excelentnú vizualizáciu ciev v zložitých projekciách (harmonizácia obrazu, zvýšenie ostrosti, kontrastu a rozlíšenia ...).</t>
  </si>
  <si>
    <t xml:space="preserve">interná RAM v prípade samostatnej pracovnej stanici min. 32 GB, </t>
  </si>
  <si>
    <t>SW vybavenie umožňujúce „živú“ navigáciu vykonávať napr. katétrovú abláciu, SW musí umožňovať online prepojenie 3D anatomickej mapy srdca (časť srdca) z predtým získaných a importovaných CT dát srdca a živého RTG snímku, ako aj z 3D snímok generovaných na angiografickom prístroji a živého röntgenu obrazu možnosť označenia ablačných bodov počas procedúry.</t>
  </si>
  <si>
    <t>15.9</t>
  </si>
  <si>
    <t>Verejný obstarávateľ sa zaväzuje poskytnúť predávajúcemu súčinnosť v rozsahu potrebnom pre riadne a včasné splnenie dodávky  predávajúceho v súlade s technologickým projektom predávajúceho, pričom uvedené zahŕňa najmä:                                                                                                                        1. statický posudok transportnej trasy,
2. statický posudok miesta inštalácie zariadenia,                                                                                                                        3. statický posudok ukotvenia stropných statívov,
4. projekt radiačnej ochrany,
5. príprava transportnej trasy,
6. statické podopretie transportnej plošiny,
7. ukotvenie platne stropného statívu v zmysle statického posudku o strop,                                                                              8. realizácia/dodávka technologického rozvádzača angiografu
9. iné podmienky zo strany predávajúceho týkajúce sa technických požiadaviek v prípade osobitnej požiadavky.</t>
  </si>
  <si>
    <t>Spracovanie obrazu a archivácia v matici minimálne 1024 x 1024.</t>
  </si>
  <si>
    <t>Musí mať automatický pixel shift s kompenzáciou pohybu pacienta alebo pohybu stola počas subtrakčnej angiografie a funkcie roadmap bez nutnosti zásahu užívateľa v reálnom čase.</t>
  </si>
  <si>
    <t>Cone beam CT pre vizualizáciu srdcových tkanív, SW a HW vybavenie rozširujúce možnosti angiografického systému o generovanie obrazov podobné ako pri CT – 3D volumetrické zobrazenie, zobrazenie v rezoch s možnosťou nastavenia hrúbky rezov.</t>
  </si>
  <si>
    <t xml:space="preserve">snímanie EKG s analýzou ST segmentu s možnosťou projekcie na monitore aktuálnych snímok a akvizíciou do pamäte vyhľadávanie pacientskych štúdii, správ (report),                                                                                                                                                      </t>
  </si>
  <si>
    <t>súčasťou je aj kompletné vybavenie pre kardiológiu dospelých jedincov pre hemodynamické merania pravého/ľavého srdca s potrebnými kalkuláciami hemodynamických parametrov s možnosťou on-line zobrazenia jednotlivých parametrov pre diagnostické/monitorovacie účely, anotácie, so zabudovanou databázou na dlhodobú archiváciu pacientskych vyšetrení vrátane všetkých meraní a výpočtov. Systém zahŕňa nasledovné moduly EKG, meranie srdcového výdaja, 4x invazívny tlak, SpO2.</t>
  </si>
  <si>
    <t xml:space="preserve">
Upgrade zariadenia sa môže vykonať bez zásahu do jestvujúceho dispozičného riešenia pôvodného angiografického systému t.j. bez žiadneho zásahu do statiky pracoviska, do stavebných konštrukcií a súčasnej dispozície ovládovne, prípravných priestorov a vyšetrovne pracoviska. 
</t>
  </si>
  <si>
    <t xml:space="preserve">Upgrade zariadenia zahŕňa predovšetkým:  </t>
  </si>
  <si>
    <t>hardvérovú výmenu opotrebovaných častí angiografického zariadenia vrátane ich odbornú likvidáciu a  nahradenie týchto častí novými jednotkami,</t>
  </si>
  <si>
    <t>Požaduje sa poskytnutie nevýhradných licencií, v neobmedzenom rozsahu, na celú dobu trvania majetkových práv autora. Požaduje sa udelenie súhlasu, aby Objednávateľ udelil sublicenciu tretím osobám na použitie softvéru rovnakým spôsobom, v rovnakom rozsahu, na rovnaký čas a za rovnakých podmienok, ako je licencia udelená Objednávateľovi. Licencia sa udel'uje odplatne, pričom sa požaduje zahrnutie odmeny za jej poskytnutie ako aj odmeny za udelenie súhlasu na udelenie licencie do celkovej zmluvnej ceny. Udelené licencie a právo udelit' sublicenciu nebudú skončením uzatvorenej zmluvy dotknuté. Súčasťou licencie je i súhlas Dodávateľa na integráciu diela s prípadnými ďalšími systémami prevádzkovanými Objednávateľom spôsobom v zmysle dokumentácie k jednotlivým softvérovým modulom.</t>
  </si>
  <si>
    <t>Požaduje sa, aby bol Dodávateľ oprávnený udeliť požadované licencie a disponoval všetkými právami k službám, ktoré poskytne Objednávateľovi, pričom musí mať vysporiadané autorské práva so všetkými autormi diela, resp. aby vo vlastnom mene a na vlastnú zodpovednosť vykonával majetkové práva k dielu v zmysle ustanovení Autorského zákona.</t>
  </si>
  <si>
    <t>Dodávateľ je povinný k faktúre priložiť kópiu objednávky (ak bola vyhotovená) Objednávateľa ako povinnú prílohu faktúry. Dodávateľ je rovnako povinný k faktúre priložiť kópiu preberacieho protokolu a kópiu inštalačného protokolu ako jej povinnú prílohu.</t>
  </si>
  <si>
    <r>
      <t xml:space="preserve">Ponúkaný produkt musí spĺňa technické požiadavky, ktoré sa na určený výrobok vzťahuje v súlade so Zákonom č. 264/1999 Z. z. o technických požiadavkách na výrobky a o posudzovaní zhody a o zmene a doplnení niektorých zákonov a zároveň musí byť označený značkou CE, </t>
    </r>
    <r>
      <rPr>
        <sz val="10"/>
        <color theme="1"/>
        <rFont val="Arial"/>
        <family val="2"/>
        <charset val="238"/>
      </rPr>
      <t>čím dané označenie deklaruje, že vlastnosti určeného výrobku spĺňajú technické požiadavky, ktoré sú na určený výrobok kladené a rovnako deklaruje, že boli dodržané postupy posudzovania zhody ustanovené zákonom o zhode alebo iným osobitným predpisom. Požadovaný doklad musí uchádzač predložiť vo forme naskenovaného originálu, vo formáte .pdf s názvom „Vyhlásenie o zhode“.</t>
    </r>
  </si>
  <si>
    <r>
      <rPr>
        <b/>
        <sz val="10"/>
        <color theme="1"/>
        <rFont val="Arial"/>
        <family val="2"/>
        <charset val="238"/>
      </rPr>
      <t>Potvrdenie o autorizovanom servise vydané výrobcom</t>
    </r>
    <r>
      <rPr>
        <sz val="10"/>
        <color theme="1"/>
        <rFont val="Arial"/>
        <family val="2"/>
        <charset val="238"/>
      </rPr>
      <t xml:space="preserve"> ponúkaných produktov (neoverenú kópiu),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neoverenú kópiu) servisnej organizácie. Požadovaný doklad musí uchádzač predložiť vo forme naskenovaného originálu, vo formáte .pdf s názvom „Potvrdenie o autorizovanom servise“.</t>
    </r>
  </si>
  <si>
    <t xml:space="preserve">Požadované minimálne osobitné požiadavky na predmet zákazky a doklady (uvedené doklady bude verejný obstarávateľ požadovať pre vyhlásení verejného obstarávania):
</t>
  </si>
  <si>
    <r>
      <t xml:space="preserve">Odovzdanie dokumentácie potrebnej pre riadne a bezchybné použitie predmetu zákazky na stanovený účel, a to najmä, no nie len výlučne: 
1. </t>
    </r>
    <r>
      <rPr>
        <u/>
        <sz val="10"/>
        <color theme="1"/>
        <rFont val="Arial"/>
        <family val="2"/>
        <charset val="238"/>
      </rPr>
      <t>technologický projekt,  návod na obsluhu, kompletná užívateľská dokumentácia, technická servisná dokumentácia, certifikáty, skúšobné protokoly</t>
    </r>
    <r>
      <rPr>
        <sz val="10"/>
        <color theme="1"/>
        <rFont val="Arial"/>
        <family val="2"/>
        <charset val="238"/>
      </rPr>
      <t xml:space="preserve">. 
</t>
    </r>
  </si>
  <si>
    <t xml:space="preserve">Požaduje sa poskytovať službu - pozáručný servis v trvaní 36 mesiacov. </t>
  </si>
  <si>
    <t>2</t>
  </si>
  <si>
    <t>Plán údržby a revízii</t>
  </si>
  <si>
    <t>Nástup na opravu do 24 hodín od nahlásenia poruchy</t>
  </si>
  <si>
    <t>Servisná starostlivosť o zariadenia vo vlastníctve objednávateľa.</t>
  </si>
  <si>
    <t>Preventívna údržba vrátane povinných revízii podľa plánu v termínoch určených výrobcom.</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Vykonávanie opráv v čase od 7:00 do 15:00 hod.</t>
  </si>
  <si>
    <t>Poistenie prevádzkovej zodpovednosti vo výške ročnej ceny za služby.</t>
  </si>
  <si>
    <t xml:space="preserve">Oprávnenie dodávateľa na servis výrobkov. </t>
  </si>
  <si>
    <t xml:space="preserve">Osvedčenie servisného technika na servis zariadení výrobcu. </t>
  </si>
  <si>
    <t>3</t>
  </si>
  <si>
    <t>4</t>
  </si>
  <si>
    <t>5</t>
  </si>
  <si>
    <t>6</t>
  </si>
  <si>
    <t>7</t>
  </si>
  <si>
    <t>8</t>
  </si>
  <si>
    <t>9</t>
  </si>
  <si>
    <t>10</t>
  </si>
  <si>
    <t>11</t>
  </si>
  <si>
    <t>12</t>
  </si>
  <si>
    <t xml:space="preserve">mesiacov </t>
  </si>
  <si>
    <t>VARIANT A)</t>
  </si>
  <si>
    <t>VARIANT B)</t>
  </si>
  <si>
    <t xml:space="preserve">Položka č. 2
</t>
  </si>
  <si>
    <t>nedodržanie dohodnutých lehôt na odstránenie vady: 50,- EUR (slovom: päťdesiat EUR) za každú začatú hodinu omeškania, najviac však do výšky 5% kúpnej ceny, a to pre každý jednotlivý prípad omeškania Dodávateľa.</t>
  </si>
  <si>
    <t>nedodržanie lehoty príchodu servisného technika alebo nezačatie odstraňovania vady formou vzdialeného prístupu: 50,- EUR (slovom: päťdesiat EUR) za každú začatú hodinu omeškania, najviac však do výšky 5% kúpnej ceny, a to pre každý jednotlivý prípad omeškania Dodávateľa,</t>
  </si>
  <si>
    <t>Požaduje sa poskytnutie záručnej doby na predmet zákazky v trvaní minimálne
60 kalendárnych mesiacov odo dňa protokolárneho odovzdania predmetu zákazky.</t>
  </si>
  <si>
    <t>Požaduje sa, aby počas plnenia zmluvy bol Dodávateľ autorizovaný (certifikovaný) na dodávku, inštaláciu a servis ponúkaného predmetu zákazky. V prípade, ak bude Dodávateľ vykonávať inštaláciu a/alebo servis prostredníctvom subdodávateľa, je Dodávateľ povinný predložiť Objednávateľovi potvrdenie o tom, že ním uvedený subdodávateľ je autorizovaný (certifikovaný) na inštaláciu a/alebo servis ponúkaného predmetu zákazky.</t>
  </si>
  <si>
    <t>24.1</t>
  </si>
  <si>
    <t>24.2</t>
  </si>
  <si>
    <t>do 90 pracovných dní odo dňa nadobudnutia účinnosti uzatvorenej zmluvy (do termínu sa nezapočítavajú dni pracovného voľna, pracovného pokoja a štátne sviatky),</t>
  </si>
  <si>
    <t>V prípade, ak sa na predmet zákazky vykonala prípravná trhová konzultácia, informácie k prípravnej trhovej konzultácie verejný obstarávateľ zverejňuje na internetovej stránke: www.vusch.sk/verejne-obstaravanie/</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Dodávateľovi a skončí sa posledným kalendárnym dňom príslušného mesiac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ne porušením tejto povinnosti.</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poskytnutie služieb technickej podpory na predmet zákazky, a to minimálne po dobu 60 kalendárnych mesiacov od protokolárneho prevzatia diela Objednávateľom.</t>
  </si>
  <si>
    <t>Dodávateľ predmetu zákazky je povinný predložiť potvrdenie výrobcu, že je autorizovaný/certifikovaný na dodávku, inštaláciu a servis predmetu zákazky.</t>
  </si>
  <si>
    <t>Dodávateľ nesie zodpovednosť za to, že služby záručného, ako aj pozáručného servisu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dodržiavanie mlčanlivosti o dôverných informáciách, ktoré si Dodávateľ a Objednávateľ navzájom poskytnú v priebehu trvania zmluvného vzťahu, pričom bližšie podmienky budú uvedené v zmluve.</t>
  </si>
  <si>
    <t>Pozáručný servis bude hradený formou mesačných paušálnych odmien uvedených v Prílohe č. 1 - Kalkulácia ceny.</t>
  </si>
  <si>
    <t>Zmluvná cena zahŕňa aj služby spojené s jeho dodaním, t. j. zabezpečenie dopravy do dohodnutého miesta dodania tovaru, dopravu Dodávateľa do miesta dodania a späť, ako aj všetky ostatné náklady Dodávateľa vynaložené v súvislosti s dodaním tovaru/poskytnutím služieb Objednávateľovi, uvedením do prevádzky (inštaláciou), odborným zaškolením obsluhy, poskytnutím užívateľskej dokumentácie, poskytnutím licencií, ako aj poskytovanie záručného a pozáručného servisu v mieste inštalácie.</t>
  </si>
  <si>
    <t>Požaduje sa poskytovanie pozáručného servisu po dobu 36 kalendárnych mesiacov, pričom za začiatok tohto poskytovania sa považuje deň nasledujúci po poslednom dni záručnej doby na predmet zákazky.</t>
  </si>
  <si>
    <t>Požaduje sa poskytovať servisnú službu na pracovisku Objednávateľa, pričom ak nie je možné servisnú službu na pracovisku vykonať, resp. je vhodnejšie realizovať ju na inom mieste (napr. na pracovisku Dodávateľa), takáto činnosť sa vykoná na náklady Dodávateľa na mieste určenom Dodávateľom, ktoré musí buť vopred oznámené Objednávateľovi.</t>
  </si>
  <si>
    <t>Požaduje sa, aby v prípade vykonania opravy, na ktorú Objednávateľ Dodávateľa vopred upozorní, bola oprava vykonaná nasledovne:</t>
  </si>
  <si>
    <t>nástup na výkon opravy do 48 hodín od nahlásenia vady/poruchy v pracovných dňoch v čase od 07:00 hod. do 14:30 hod.,</t>
  </si>
  <si>
    <t>výkon samotnej opravy do 72 hodín od nahlásenia vady/poruchy v pracovných dňoch v čase od 07:00 hod. do 14:30 hod., okrem prípadu, ak sa Objednávateľ s Dodávateľom nedohodnú inak, alebo ak na výkon opravy je potrebný náhradný diel, súčiastka alebo iná vec, ktorej obstaranie, alebo vykonanie trvá viac ako 72 hodín.</t>
  </si>
  <si>
    <t>Požaduje sa, aby si po ukončení konkrétnej činnosti pozáručnej servisnej starostlivosti servisný pracovník nechal potvrdiť rozsah poskytnutej služby s uvedením dátumu poskytnutej služby u zodpovednej osoby Objednávateľa. Jedna kópia takto potvrdenej servisnej služby ostáva k dispozícii Objednávateľovi.</t>
  </si>
  <si>
    <t>16.1</t>
  </si>
  <si>
    <t>16.2</t>
  </si>
  <si>
    <t>37.</t>
  </si>
  <si>
    <t>38.</t>
  </si>
  <si>
    <t>39.</t>
  </si>
  <si>
    <t>40.</t>
  </si>
  <si>
    <t>41.</t>
  </si>
  <si>
    <t>Požaduje sa uzatvorenie kúpnej zmluvy s pozáručným servisom.</t>
  </si>
  <si>
    <t>Požaduje sa vykonávať pozáručnú servisnú starostlivosť v pracovných dňoch v čase od 07:00 hod. do 14:30 hod, ak sa Objednávateľ a Dodávateľ nedohodnú inak.</t>
  </si>
  <si>
    <t xml:space="preserve">Servisný technik Dodávateľa je povinný nastúpiť na odstránenie vady v mieste inštalácie zariadenia do 48 hodín od nahlásenia v pracovný deň medzi 7:00 a 14:30 hod., resp. do 12:00 hod. nasledujúceho pracovného dňa, pokiaľ vada bola nahlásená po 15:00 hod. pracovného dňa alebo počas mimopracovného dňa. </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poskytnutie zodpovednosti za vady servisných služieb podľa Obchodného zákonníka a tiež záruky za akosť na servisné služby.</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t>
  </si>
  <si>
    <t>Požaduje sa v prípade náhradných dielov v každom osobitnom prípade súhlas Objednávateľa s kúpu a montážou náhradného dielu a odsúhlasenie jeho ceny.</t>
  </si>
  <si>
    <t>34.1</t>
  </si>
  <si>
    <t>34.2</t>
  </si>
  <si>
    <t>42.</t>
  </si>
  <si>
    <t>43.</t>
  </si>
  <si>
    <t>44.</t>
  </si>
  <si>
    <t>45.</t>
  </si>
  <si>
    <t>Upgrade angiografického prístroja INNOVA 2100 s príslušenstvom so 60 mesačnou záručnou dobou</t>
  </si>
  <si>
    <t xml:space="preserve">Pozáručný servis pre položku č. 1  </t>
  </si>
  <si>
    <t xml:space="preserve">Položka č. 1 - Upgrade angiografického prístroja INNOVA 2100 s príslušenstvom so 60 mesačnou záručnou dobou - VARIANT A) 
Položka č. 1 - Upgrade angiografického prístroja INNOVA 2100 s príslušenstvom s pozáručným servisom - 36 mesiacov - VARIANT B) </t>
  </si>
  <si>
    <t>Kalkulácia ceny - Štruktúrovaný rozpočet ceny predmetu zákazky - Variant A a Variant B</t>
  </si>
  <si>
    <t>Požadovaný počet MJ  na zmluvné obdobie</t>
  </si>
  <si>
    <t xml:space="preserve">VARIANT A) - so 60 mesačnou záručnou dobou pre položku č. 1 </t>
  </si>
  <si>
    <t xml:space="preserve">VARIANT B) s pozáručným servisom - 36 mesiacov pre položku č. 1 </t>
  </si>
  <si>
    <t xml:space="preserve">Položka č. 2 - Variant B) - s Pozáručným servisom - 36 mesiacov pre položku č. 1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i/>
      <sz val="10"/>
      <color theme="1"/>
      <name val="Arial"/>
      <family val="2"/>
      <charset val="238"/>
    </font>
    <font>
      <b/>
      <sz val="10"/>
      <color rgb="FF000000"/>
      <name val="Arial"/>
      <family val="2"/>
      <charset val="238"/>
    </font>
    <font>
      <sz val="10"/>
      <color theme="1"/>
      <name val="Symbol"/>
      <family val="1"/>
      <charset val="2"/>
    </font>
    <font>
      <sz val="7"/>
      <color theme="1"/>
      <name val="Times New Roman"/>
      <family val="1"/>
      <charset val="238"/>
    </font>
    <font>
      <sz val="10"/>
      <color rgb="FF000000"/>
      <name val="Times New Roman"/>
      <family val="1"/>
      <charset val="238"/>
    </font>
    <font>
      <b/>
      <i/>
      <sz val="10"/>
      <name val="Arial"/>
      <family val="2"/>
      <charset val="238"/>
    </font>
    <font>
      <b/>
      <i/>
      <sz val="10"/>
      <color theme="1"/>
      <name val="Arial"/>
      <family val="2"/>
      <charset val="238"/>
    </font>
    <font>
      <sz val="10"/>
      <color theme="1"/>
      <name val="Arial"/>
      <family val="2"/>
    </font>
    <font>
      <u/>
      <sz val="10"/>
      <color theme="1"/>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rgb="FFFFCCFF"/>
        <bgColor indexed="64"/>
      </patternFill>
    </fill>
  </fills>
  <borders count="55">
    <border>
      <left/>
      <right/>
      <top/>
      <bottom/>
      <diagonal/>
    </border>
    <border>
      <left style="medium">
        <color auto="1"/>
      </left>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thin">
        <color auto="1"/>
      </left>
      <right/>
      <top style="thin">
        <color auto="1"/>
      </top>
      <bottom/>
      <diagonal/>
    </border>
    <border>
      <left/>
      <right style="medium">
        <color indexed="64"/>
      </right>
      <top style="thin">
        <color auto="1"/>
      </top>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style="medium">
        <color auto="1"/>
      </left>
      <right/>
      <top style="thin">
        <color auto="1"/>
      </top>
      <bottom style="thin">
        <color auto="1"/>
      </bottom>
      <diagonal/>
    </border>
    <border>
      <left/>
      <right/>
      <top style="thin">
        <color auto="1"/>
      </top>
      <bottom style="thin">
        <color auto="1"/>
      </bottom>
      <diagonal/>
    </border>
    <border>
      <left style="medium">
        <color auto="1"/>
      </left>
      <right/>
      <top style="dashed">
        <color auto="1"/>
      </top>
      <bottom style="dashed">
        <color auto="1"/>
      </bottom>
      <diagonal/>
    </border>
    <border>
      <left style="thin">
        <color auto="1"/>
      </left>
      <right/>
      <top style="medium">
        <color auto="1"/>
      </top>
      <bottom style="thin">
        <color auto="1"/>
      </bottom>
      <diagonal/>
    </border>
    <border>
      <left style="thin">
        <color auto="1"/>
      </left>
      <right style="medium">
        <color indexed="64"/>
      </right>
      <top style="thin">
        <color auto="1"/>
      </top>
      <bottom style="dashed">
        <color auto="1"/>
      </bottom>
      <diagonal/>
    </border>
    <border>
      <left style="thin">
        <color auto="1"/>
      </left>
      <right style="medium">
        <color indexed="64"/>
      </right>
      <top style="dashed">
        <color auto="1"/>
      </top>
      <bottom style="dashed">
        <color auto="1"/>
      </bottom>
      <diagonal/>
    </border>
    <border>
      <left style="thin">
        <color auto="1"/>
      </left>
      <right style="thin">
        <color auto="1"/>
      </right>
      <top style="thin">
        <color auto="1"/>
      </top>
      <bottom style="dashed">
        <color auto="1"/>
      </bottom>
      <diagonal/>
    </border>
    <border>
      <left style="thin">
        <color auto="1"/>
      </left>
      <right style="thin">
        <color auto="1"/>
      </right>
      <top style="dashed">
        <color auto="1"/>
      </top>
      <bottom style="dashed">
        <color auto="1"/>
      </bottom>
      <diagonal/>
    </border>
    <border>
      <left style="thin">
        <color auto="1"/>
      </left>
      <right style="thin">
        <color auto="1"/>
      </right>
      <top style="dashed">
        <color auto="1"/>
      </top>
      <bottom style="thin">
        <color auto="1"/>
      </bottom>
      <diagonal/>
    </border>
    <border>
      <left style="medium">
        <color auto="1"/>
      </left>
      <right/>
      <top style="thin">
        <color auto="1"/>
      </top>
      <bottom style="dashed">
        <color auto="1"/>
      </bottom>
      <diagonal/>
    </border>
    <border>
      <left style="medium">
        <color auto="1"/>
      </left>
      <right/>
      <top style="dashed">
        <color auto="1"/>
      </top>
      <bottom style="thin">
        <color auto="1"/>
      </bottom>
      <diagonal/>
    </border>
    <border>
      <left style="thin">
        <color auto="1"/>
      </left>
      <right style="medium">
        <color indexed="64"/>
      </right>
      <top style="dashed">
        <color auto="1"/>
      </top>
      <bottom style="thin">
        <color auto="1"/>
      </bottom>
      <diagonal/>
    </border>
    <border>
      <left style="medium">
        <color indexed="64"/>
      </left>
      <right/>
      <top style="medium">
        <color indexed="64"/>
      </top>
      <bottom style="thin">
        <color auto="1"/>
      </bottom>
      <diagonal/>
    </border>
    <border>
      <left/>
      <right style="thin">
        <color auto="1"/>
      </right>
      <top style="medium">
        <color indexed="64"/>
      </top>
      <bottom style="thin">
        <color auto="1"/>
      </bottom>
      <diagonal/>
    </border>
    <border>
      <left/>
      <right style="medium">
        <color auto="1"/>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top style="medium">
        <color indexed="64"/>
      </top>
      <bottom style="thin">
        <color auto="1"/>
      </bottom>
      <diagonal/>
    </border>
    <border>
      <left style="medium">
        <color indexed="64"/>
      </left>
      <right/>
      <top/>
      <bottom style="thin">
        <color auto="1"/>
      </bottom>
      <diagonal/>
    </border>
    <border>
      <left/>
      <right style="thin">
        <color auto="1"/>
      </right>
      <top/>
      <bottom style="thin">
        <color auto="1"/>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auto="1"/>
      </left>
      <right/>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8" fillId="0" borderId="0"/>
  </cellStyleXfs>
  <cellXfs count="24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8" xfId="0" applyFont="1" applyFill="1" applyBorder="1" applyAlignment="1">
      <alignment horizontal="left" vertical="top" wrapText="1"/>
    </xf>
    <xf numFmtId="0" fontId="2" fillId="3" borderId="8"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2"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5"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8"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8" xfId="0" applyFont="1" applyFill="1" applyBorder="1" applyAlignment="1">
      <alignment vertical="center" wrapText="1"/>
    </xf>
    <xf numFmtId="49" fontId="2" fillId="0" borderId="6" xfId="0" applyNumberFormat="1" applyFont="1" applyFill="1" applyBorder="1" applyAlignment="1">
      <alignment horizontal="center" vertical="center" wrapText="1"/>
    </xf>
    <xf numFmtId="0" fontId="2" fillId="0" borderId="8" xfId="0" applyNumberFormat="1" applyFont="1" applyBorder="1" applyAlignment="1">
      <alignment horizontal="center" vertical="center" wrapText="1"/>
    </xf>
    <xf numFmtId="49" fontId="2" fillId="0" borderId="17" xfId="0" applyNumberFormat="1" applyFont="1" applyFill="1" applyBorder="1" applyAlignment="1">
      <alignment horizontal="center" vertical="center" wrapText="1"/>
    </xf>
    <xf numFmtId="0" fontId="7" fillId="0" borderId="18" xfId="0" applyNumberFormat="1" applyFont="1" applyBorder="1" applyAlignment="1">
      <alignment horizontal="center" vertical="center" wrapText="1"/>
    </xf>
    <xf numFmtId="49" fontId="2" fillId="0" borderId="9" xfId="0" applyNumberFormat="1" applyFont="1" applyFill="1" applyBorder="1" applyAlignment="1">
      <alignment horizontal="center" vertical="center" wrapText="1"/>
    </xf>
    <xf numFmtId="0" fontId="7" fillId="0" borderId="16" xfId="0" applyNumberFormat="1" applyFont="1" applyBorder="1" applyAlignment="1">
      <alignment horizontal="center" vertical="center" wrapText="1"/>
    </xf>
    <xf numFmtId="49" fontId="2" fillId="0" borderId="6" xfId="0" applyNumberFormat="1" applyFont="1" applyBorder="1" applyAlignment="1">
      <alignment horizontal="center" vertical="center"/>
    </xf>
    <xf numFmtId="9" fontId="2" fillId="0" borderId="0" xfId="0" applyNumberFormat="1" applyFont="1" applyFill="1" applyAlignment="1">
      <alignment vertical="center" wrapText="1"/>
    </xf>
    <xf numFmtId="0" fontId="2" fillId="0" borderId="8" xfId="0" applyFont="1" applyFill="1" applyBorder="1" applyAlignment="1">
      <alignment horizontal="center" vertical="center" wrapText="1"/>
    </xf>
    <xf numFmtId="0" fontId="2" fillId="0" borderId="16" xfId="0" applyNumberFormat="1" applyFont="1" applyBorder="1" applyAlignment="1">
      <alignment horizontal="center" vertical="center" wrapText="1"/>
    </xf>
    <xf numFmtId="0" fontId="7" fillId="0" borderId="22" xfId="0" applyNumberFormat="1" applyFont="1" applyBorder="1" applyAlignment="1">
      <alignment horizontal="center" vertical="center" wrapText="1"/>
    </xf>
    <xf numFmtId="0" fontId="2" fillId="0" borderId="24" xfId="0" applyFont="1" applyFill="1" applyBorder="1" applyAlignment="1">
      <alignment horizontal="left" vertical="center" wrapText="1"/>
    </xf>
    <xf numFmtId="0" fontId="2" fillId="0" borderId="3" xfId="0" applyFont="1" applyFill="1" applyBorder="1" applyAlignment="1">
      <alignment horizontal="left" vertical="center"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49" fontId="2" fillId="0" borderId="19" xfId="0" applyNumberFormat="1" applyFont="1" applyBorder="1" applyAlignment="1">
      <alignment horizontal="center" vertical="center"/>
    </xf>
    <xf numFmtId="0" fontId="2" fillId="0" borderId="25" xfId="0" applyNumberFormat="1" applyFont="1" applyBorder="1" applyAlignment="1">
      <alignment horizontal="center" vertical="center" wrapText="1"/>
    </xf>
    <xf numFmtId="0" fontId="2" fillId="0" borderId="26" xfId="0" applyFont="1" applyBorder="1" applyAlignment="1">
      <alignment vertical="center" wrapText="1"/>
    </xf>
    <xf numFmtId="0" fontId="11" fillId="2" borderId="8" xfId="0" applyNumberFormat="1" applyFont="1" applyFill="1" applyBorder="1" applyAlignment="1">
      <alignment horizontal="left" vertical="top" wrapText="1"/>
    </xf>
    <xf numFmtId="0" fontId="7" fillId="2" borderId="8" xfId="0" applyNumberFormat="1" applyFont="1" applyFill="1" applyBorder="1" applyAlignment="1">
      <alignment horizontal="left" vertical="top"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7" fillId="0" borderId="0" xfId="5" applyFont="1" applyAlignment="1">
      <alignment vertical="top" wrapText="1"/>
    </xf>
    <xf numFmtId="0" fontId="7" fillId="0" borderId="0" xfId="0" applyNumberFormat="1" applyFont="1" applyBorder="1" applyAlignment="1">
      <alignment vertical="top" wrapText="1"/>
    </xf>
    <xf numFmtId="0" fontId="7" fillId="0" borderId="0" xfId="0" applyFont="1" applyAlignment="1">
      <alignment vertical="top" wrapText="1"/>
    </xf>
    <xf numFmtId="0" fontId="2" fillId="0" borderId="8" xfId="0" applyFont="1" applyBorder="1" applyAlignment="1">
      <alignment vertical="center" wrapText="1"/>
    </xf>
    <xf numFmtId="0" fontId="4" fillId="6" borderId="3"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0" xfId="0" applyFont="1" applyAlignment="1">
      <alignment horizontal="center" vertical="center" wrapText="1"/>
    </xf>
    <xf numFmtId="0" fontId="2" fillId="0" borderId="26" xfId="0" applyNumberFormat="1" applyFont="1" applyBorder="1" applyAlignment="1">
      <alignment horizontal="center" vertical="center" wrapText="1"/>
    </xf>
    <xf numFmtId="49" fontId="2" fillId="0" borderId="20" xfId="0" applyNumberFormat="1" applyFont="1" applyFill="1" applyBorder="1" applyAlignment="1">
      <alignment horizontal="center" vertical="center" wrapText="1"/>
    </xf>
    <xf numFmtId="0" fontId="2" fillId="0" borderId="22" xfId="0" applyNumberFormat="1" applyFont="1" applyBorder="1" applyAlignment="1">
      <alignment horizontal="center" vertical="center" wrapText="1"/>
    </xf>
    <xf numFmtId="49" fontId="2" fillId="0" borderId="20" xfId="0" applyNumberFormat="1" applyFont="1" applyBorder="1" applyAlignment="1">
      <alignment horizontal="center" vertical="center"/>
    </xf>
    <xf numFmtId="49" fontId="2" fillId="0" borderId="20" xfId="0" applyNumberFormat="1" applyFont="1" applyBorder="1" applyAlignment="1">
      <alignment horizontal="right" vertical="center"/>
    </xf>
    <xf numFmtId="3" fontId="4" fillId="6" borderId="8" xfId="0" applyNumberFormat="1" applyFont="1" applyFill="1" applyBorder="1" applyAlignment="1">
      <alignment horizontal="center" vertical="center" wrapText="1"/>
    </xf>
    <xf numFmtId="49" fontId="2" fillId="0" borderId="19" xfId="0" applyNumberFormat="1" applyFont="1" applyBorder="1" applyAlignment="1">
      <alignment horizontal="right" vertical="center"/>
    </xf>
    <xf numFmtId="0" fontId="4" fillId="0" borderId="0" xfId="0" applyFont="1" applyFill="1" applyAlignment="1">
      <alignment horizontal="left" vertical="top" wrapText="1"/>
    </xf>
    <xf numFmtId="0" fontId="2" fillId="6" borderId="8" xfId="0" applyFont="1" applyFill="1" applyBorder="1" applyAlignment="1">
      <alignment horizontal="left" vertical="top" wrapText="1"/>
    </xf>
    <xf numFmtId="0" fontId="2" fillId="6" borderId="26" xfId="0" applyFont="1" applyFill="1" applyBorder="1" applyAlignment="1">
      <alignment horizontal="left" vertical="center" wrapText="1"/>
    </xf>
    <xf numFmtId="0" fontId="2" fillId="6" borderId="26" xfId="0" applyFont="1" applyFill="1" applyBorder="1" applyAlignment="1">
      <alignment horizontal="left" vertical="top" wrapText="1"/>
    </xf>
    <xf numFmtId="0" fontId="3" fillId="6" borderId="16" xfId="0" applyFont="1" applyFill="1" applyBorder="1" applyAlignment="1">
      <alignment horizontal="left" vertical="center" wrapText="1"/>
    </xf>
    <xf numFmtId="0" fontId="2" fillId="0" borderId="8" xfId="0" applyFont="1" applyBorder="1" applyAlignment="1">
      <alignment horizontal="justify" vertical="center"/>
    </xf>
    <xf numFmtId="0" fontId="2" fillId="0" borderId="8" xfId="0" applyFont="1" applyBorder="1" applyAlignment="1">
      <alignment vertical="center"/>
    </xf>
    <xf numFmtId="0" fontId="2" fillId="0" borderId="8" xfId="0" applyFont="1" applyBorder="1" applyAlignment="1">
      <alignment horizontal="left" vertical="center" wrapText="1"/>
    </xf>
    <xf numFmtId="0" fontId="5" fillId="3" borderId="4" xfId="0" applyFont="1" applyFill="1" applyBorder="1" applyAlignment="1" applyProtection="1">
      <alignment vertical="center"/>
      <protection locked="0"/>
    </xf>
    <xf numFmtId="0" fontId="5" fillId="5" borderId="32" xfId="0" applyFont="1" applyFill="1" applyBorder="1" applyAlignment="1" applyProtection="1">
      <alignment vertical="center" wrapText="1"/>
      <protection locked="0"/>
    </xf>
    <xf numFmtId="0" fontId="2" fillId="0" borderId="8" xfId="0" applyFont="1" applyBorder="1" applyAlignment="1">
      <alignment wrapText="1"/>
    </xf>
    <xf numFmtId="0" fontId="2" fillId="0" borderId="8" xfId="0" applyFont="1" applyBorder="1" applyAlignment="1">
      <alignment vertical="top" wrapText="1"/>
    </xf>
    <xf numFmtId="0" fontId="16" fillId="0" borderId="8" xfId="0" applyFont="1" applyBorder="1" applyAlignment="1">
      <alignment horizontal="justify" vertical="center"/>
    </xf>
    <xf numFmtId="0" fontId="13" fillId="0" borderId="8" xfId="0" applyFont="1" applyBorder="1" applyAlignment="1">
      <alignment vertical="center" wrapText="1"/>
    </xf>
    <xf numFmtId="49" fontId="14" fillId="0" borderId="20" xfId="0" applyNumberFormat="1" applyFont="1" applyBorder="1" applyAlignment="1">
      <alignment horizontal="center" vertical="center"/>
    </xf>
    <xf numFmtId="0" fontId="2" fillId="0" borderId="26" xfId="0" applyFont="1" applyBorder="1" applyAlignment="1">
      <alignment horizontal="left" vertical="top" wrapText="1"/>
    </xf>
    <xf numFmtId="49" fontId="14" fillId="0" borderId="6" xfId="0" applyNumberFormat="1" applyFont="1" applyBorder="1" applyAlignment="1">
      <alignment horizontal="center" vertical="center"/>
    </xf>
    <xf numFmtId="0" fontId="13" fillId="0" borderId="8" xfId="0" applyFont="1" applyBorder="1" applyAlignment="1">
      <alignment vertical="center"/>
    </xf>
    <xf numFmtId="0" fontId="2" fillId="0" borderId="4" xfId="0" applyFont="1" applyBorder="1" applyAlignment="1">
      <alignment vertical="center" wrapText="1"/>
    </xf>
    <xf numFmtId="0" fontId="2" fillId="0" borderId="0" xfId="0" applyFont="1" applyBorder="1" applyAlignment="1">
      <alignment vertical="center" wrapText="1"/>
    </xf>
    <xf numFmtId="0" fontId="2" fillId="0" borderId="7"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19" fillId="6" borderId="3" xfId="0" applyFont="1" applyFill="1" applyBorder="1" applyAlignment="1" applyProtection="1">
      <alignment vertical="center" wrapText="1"/>
      <protection locked="0"/>
    </xf>
    <xf numFmtId="0" fontId="20" fillId="0" borderId="26" xfId="0" applyFont="1" applyBorder="1" applyAlignment="1">
      <alignment vertical="center" wrapText="1"/>
    </xf>
    <xf numFmtId="0" fontId="2" fillId="0" borderId="6" xfId="0" applyNumberFormat="1" applyFont="1" applyFill="1" applyBorder="1" applyAlignment="1">
      <alignment horizontal="center" vertical="center" wrapText="1"/>
    </xf>
    <xf numFmtId="49" fontId="2" fillId="6" borderId="6" xfId="0" applyNumberFormat="1" applyFont="1" applyFill="1" applyBorder="1" applyAlignment="1">
      <alignment horizontal="center" vertical="center" wrapText="1"/>
    </xf>
    <xf numFmtId="49" fontId="2" fillId="6" borderId="9" xfId="0" applyNumberFormat="1" applyFont="1" applyFill="1" applyBorder="1" applyAlignment="1">
      <alignment horizontal="center" vertical="center" wrapText="1"/>
    </xf>
    <xf numFmtId="0" fontId="4" fillId="0" borderId="35" xfId="0" applyFont="1" applyFill="1" applyBorder="1" applyAlignment="1">
      <alignment horizontal="left" vertical="center" wrapText="1"/>
    </xf>
    <xf numFmtId="0" fontId="4" fillId="0" borderId="36" xfId="0" applyFont="1" applyFill="1" applyBorder="1" applyAlignment="1">
      <alignment horizontal="left" vertical="center" wrapText="1"/>
    </xf>
    <xf numFmtId="0" fontId="4" fillId="0" borderId="7" xfId="0" applyFont="1" applyFill="1" applyBorder="1" applyAlignment="1">
      <alignment horizontal="left" vertical="center" wrapText="1"/>
    </xf>
    <xf numFmtId="0" fontId="21" fillId="0" borderId="7" xfId="0" applyFont="1" applyFill="1" applyBorder="1" applyAlignment="1">
      <alignment horizontal="left" vertical="center" wrapText="1"/>
    </xf>
    <xf numFmtId="0" fontId="4" fillId="6" borderId="37" xfId="0" applyFont="1" applyFill="1" applyBorder="1" applyAlignment="1">
      <alignment horizontal="left" vertical="center" wrapText="1"/>
    </xf>
    <xf numFmtId="0" fontId="4" fillId="0" borderId="38" xfId="0" applyFont="1" applyFill="1" applyBorder="1" applyAlignment="1">
      <alignment horizontal="left" vertical="center" wrapText="1"/>
    </xf>
    <xf numFmtId="0" fontId="4" fillId="0" borderId="39" xfId="0" applyFont="1" applyFill="1" applyBorder="1" applyAlignment="1">
      <alignment horizontal="left" vertical="center" wrapText="1"/>
    </xf>
    <xf numFmtId="49" fontId="2" fillId="0" borderId="16" xfId="0" applyNumberFormat="1" applyFont="1" applyFill="1" applyBorder="1" applyAlignment="1">
      <alignment horizontal="left" vertical="center" wrapText="1"/>
    </xf>
    <xf numFmtId="0" fontId="2" fillId="0" borderId="3" xfId="0" applyFont="1" applyBorder="1" applyAlignment="1">
      <alignment vertical="center" wrapText="1"/>
    </xf>
    <xf numFmtId="49" fontId="2" fillId="0" borderId="40" xfId="0" applyNumberFormat="1" applyFont="1" applyFill="1" applyBorder="1" applyAlignment="1">
      <alignment horizontal="center" vertical="center" wrapText="1"/>
    </xf>
    <xf numFmtId="0" fontId="4" fillId="0" borderId="42" xfId="0" applyFont="1" applyFill="1" applyBorder="1" applyAlignment="1">
      <alignment horizontal="left" vertical="center" wrapText="1"/>
    </xf>
    <xf numFmtId="0" fontId="2" fillId="0" borderId="3" xfId="0" applyFont="1" applyFill="1" applyBorder="1" applyAlignment="1">
      <alignment horizontal="center" vertical="center" wrapText="1"/>
    </xf>
    <xf numFmtId="0" fontId="2" fillId="0" borderId="21" xfId="0" applyFont="1" applyFill="1" applyBorder="1" applyAlignment="1">
      <alignment horizontal="center" vertical="center" wrapText="1"/>
    </xf>
    <xf numFmtId="0" fontId="2" fillId="0" borderId="0" xfId="0" applyFont="1" applyBorder="1" applyAlignment="1">
      <alignment horizontal="left" vertical="center" wrapText="1"/>
    </xf>
    <xf numFmtId="0" fontId="13" fillId="0" borderId="8" xfId="6" applyFont="1" applyBorder="1" applyAlignment="1">
      <alignment horizontal="left" vertical="center" wrapText="1"/>
    </xf>
    <xf numFmtId="0" fontId="13" fillId="0" borderId="25" xfId="6" applyFont="1" applyBorder="1" applyAlignment="1">
      <alignment horizontal="left" wrapText="1"/>
    </xf>
    <xf numFmtId="49" fontId="2" fillId="0" borderId="8" xfId="0" applyNumberFormat="1" applyFont="1" applyBorder="1" applyAlignment="1">
      <alignment horizontal="right" vertical="center"/>
    </xf>
    <xf numFmtId="0" fontId="2" fillId="0" borderId="4" xfId="0" applyFont="1" applyBorder="1" applyAlignment="1">
      <alignment horizontal="left" vertical="center" wrapText="1"/>
    </xf>
    <xf numFmtId="0" fontId="2" fillId="0" borderId="8" xfId="0" applyFont="1" applyBorder="1" applyAlignment="1">
      <alignment horizontal="left" vertical="top" wrapText="1"/>
    </xf>
    <xf numFmtId="0" fontId="3" fillId="6" borderId="18" xfId="0" applyFont="1" applyFill="1" applyBorder="1" applyAlignment="1">
      <alignment horizontal="left" vertical="center" wrapText="1"/>
    </xf>
    <xf numFmtId="0" fontId="2" fillId="6" borderId="8" xfId="0" applyFont="1" applyFill="1" applyBorder="1" applyAlignment="1">
      <alignment horizontal="left" vertical="center" wrapText="1"/>
    </xf>
    <xf numFmtId="0" fontId="3" fillId="6" borderId="26" xfId="0" applyFont="1" applyFill="1" applyBorder="1" applyAlignment="1">
      <alignment horizontal="left" vertical="center" wrapText="1"/>
    </xf>
    <xf numFmtId="49" fontId="2" fillId="0" borderId="3"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NumberFormat="1" applyFont="1" applyBorder="1" applyAlignment="1">
      <alignment horizontal="center" vertical="center" wrapText="1"/>
    </xf>
    <xf numFmtId="16" fontId="2" fillId="0" borderId="3" xfId="0" applyNumberFormat="1" applyFont="1" applyFill="1" applyBorder="1" applyAlignment="1">
      <alignment vertical="center"/>
    </xf>
    <xf numFmtId="49" fontId="4" fillId="0" borderId="8" xfId="0" applyNumberFormat="1" applyFont="1" applyFill="1" applyBorder="1" applyAlignment="1">
      <alignment horizontal="left" vertical="center" wrapText="1"/>
    </xf>
    <xf numFmtId="16" fontId="2" fillId="0" borderId="3" xfId="0" applyNumberFormat="1" applyFont="1" applyFill="1" applyBorder="1" applyAlignment="1">
      <alignment horizontal="center" vertical="center"/>
    </xf>
    <xf numFmtId="0" fontId="4" fillId="6" borderId="23" xfId="0" applyFont="1" applyFill="1" applyBorder="1" applyAlignment="1">
      <alignment horizontal="left" vertical="center" wrapText="1"/>
    </xf>
    <xf numFmtId="0" fontId="4" fillId="0" borderId="3"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3"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0" xfId="0" applyFont="1" applyFill="1" applyBorder="1" applyAlignment="1">
      <alignment vertical="center" wrapText="1"/>
    </xf>
    <xf numFmtId="9" fontId="2" fillId="0" borderId="0" xfId="0" applyNumberFormat="1" applyFont="1" applyFill="1" applyBorder="1" applyAlignment="1">
      <alignment vertical="center" wrapText="1"/>
    </xf>
    <xf numFmtId="0" fontId="2" fillId="0" borderId="8" xfId="0" applyFont="1" applyFill="1" applyBorder="1" applyAlignment="1">
      <alignment horizontal="left" wrapText="1"/>
    </xf>
    <xf numFmtId="0" fontId="4" fillId="0" borderId="32" xfId="0" applyFont="1" applyFill="1" applyBorder="1" applyAlignment="1">
      <alignment horizontal="left" vertical="center" wrapText="1"/>
    </xf>
    <xf numFmtId="0" fontId="2" fillId="0" borderId="32" xfId="0" applyFont="1" applyFill="1" applyBorder="1" applyAlignment="1">
      <alignment horizontal="center" vertical="center" wrapText="1"/>
    </xf>
    <xf numFmtId="3" fontId="4" fillId="6" borderId="32" xfId="0" applyNumberFormat="1" applyFont="1" applyFill="1" applyBorder="1" applyAlignment="1">
      <alignment horizontal="center" vertical="center" wrapText="1"/>
    </xf>
    <xf numFmtId="0" fontId="3" fillId="0" borderId="32" xfId="0" applyFont="1" applyFill="1" applyBorder="1" applyAlignment="1">
      <alignment wrapText="1"/>
    </xf>
    <xf numFmtId="16" fontId="2" fillId="0" borderId="29" xfId="0" applyNumberFormat="1" applyFont="1" applyFill="1" applyBorder="1" applyAlignment="1">
      <alignment horizontal="center" vertical="center"/>
    </xf>
    <xf numFmtId="49" fontId="4" fillId="0" borderId="16" xfId="0" applyNumberFormat="1" applyFont="1" applyFill="1" applyBorder="1" applyAlignment="1">
      <alignment horizontal="left" vertical="center" wrapText="1"/>
    </xf>
    <xf numFmtId="0" fontId="2" fillId="0" borderId="2"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30" xfId="0" applyNumberFormat="1" applyFont="1" applyBorder="1" applyAlignment="1">
      <alignment horizontal="center" vertical="center" wrapText="1"/>
    </xf>
    <xf numFmtId="0" fontId="2" fillId="0" borderId="23" xfId="0" applyFont="1" applyFill="1" applyBorder="1" applyAlignment="1">
      <alignment horizontal="left" vertical="center" wrapText="1"/>
    </xf>
    <xf numFmtId="0" fontId="2" fillId="0" borderId="3"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6" borderId="52" xfId="0" applyNumberFormat="1" applyFont="1" applyFill="1" applyBorder="1" applyAlignment="1">
      <alignment horizontal="center" vertical="center" wrapText="1"/>
    </xf>
    <xf numFmtId="49" fontId="2" fillId="6" borderId="19" xfId="0" applyNumberFormat="1" applyFont="1" applyFill="1" applyBorder="1" applyAlignment="1">
      <alignment horizontal="center" vertical="center" wrapText="1"/>
    </xf>
    <xf numFmtId="0" fontId="21" fillId="0" borderId="3" xfId="0" applyFont="1" applyFill="1" applyBorder="1" applyAlignment="1">
      <alignment horizontal="left" vertical="center" wrapText="1"/>
    </xf>
    <xf numFmtId="0" fontId="4" fillId="6" borderId="3" xfId="0" applyFont="1" applyFill="1" applyBorder="1" applyAlignment="1">
      <alignment vertical="center" wrapText="1"/>
    </xf>
    <xf numFmtId="0" fontId="2" fillId="0" borderId="29" xfId="0" applyFont="1" applyFill="1" applyBorder="1" applyAlignment="1">
      <alignment horizontal="left" vertical="center" wrapText="1"/>
    </xf>
    <xf numFmtId="0" fontId="2" fillId="0" borderId="30" xfId="0" applyFont="1" applyFill="1" applyBorder="1" applyAlignment="1">
      <alignment horizontal="left" vertical="center" wrapText="1"/>
    </xf>
    <xf numFmtId="49" fontId="2" fillId="6" borderId="20" xfId="0" applyNumberFormat="1" applyFont="1" applyFill="1" applyBorder="1" applyAlignment="1">
      <alignment horizontal="center" vertical="center" wrapText="1"/>
    </xf>
    <xf numFmtId="49" fontId="2" fillId="0" borderId="33" xfId="0" applyNumberFormat="1" applyFont="1" applyFill="1" applyBorder="1" applyAlignment="1">
      <alignment horizontal="right" vertical="center" wrapText="1"/>
    </xf>
    <xf numFmtId="49" fontId="2" fillId="0" borderId="41" xfId="0" applyNumberFormat="1" applyFont="1" applyFill="1" applyBorder="1" applyAlignment="1">
      <alignment horizontal="right" vertical="center" wrapText="1"/>
    </xf>
    <xf numFmtId="49" fontId="2" fillId="6" borderId="53" xfId="0" applyNumberFormat="1" applyFont="1" applyFill="1" applyBorder="1" applyAlignment="1">
      <alignment horizontal="right" vertical="center" wrapText="1"/>
    </xf>
    <xf numFmtId="49" fontId="2" fillId="6" borderId="54" xfId="0" applyNumberFormat="1" applyFont="1" applyFill="1" applyBorder="1" applyAlignment="1">
      <alignment horizontal="right" vertical="center" wrapText="1"/>
    </xf>
    <xf numFmtId="49" fontId="2" fillId="6" borderId="6" xfId="0" applyNumberFormat="1" applyFont="1" applyFill="1" applyBorder="1" applyAlignment="1">
      <alignment horizontal="right" vertical="center" wrapText="1"/>
    </xf>
    <xf numFmtId="0" fontId="4" fillId="0" borderId="3" xfId="0" applyFont="1" applyFill="1" applyBorder="1" applyAlignment="1">
      <alignment horizontal="left" vertical="center" wrapText="1"/>
    </xf>
    <xf numFmtId="0" fontId="4" fillId="0" borderId="4" xfId="0" applyFont="1" applyFill="1" applyBorder="1" applyAlignment="1">
      <alignment horizontal="left" vertical="center" wrapText="1"/>
    </xf>
    <xf numFmtId="49" fontId="3" fillId="3" borderId="3" xfId="0" applyNumberFormat="1" applyFont="1" applyFill="1" applyBorder="1" applyAlignment="1">
      <alignment horizontal="left" vertical="center"/>
    </xf>
    <xf numFmtId="49" fontId="3" fillId="3" borderId="32" xfId="0" applyNumberFormat="1" applyFont="1" applyFill="1" applyBorder="1" applyAlignment="1">
      <alignment horizontal="left" vertical="center"/>
    </xf>
    <xf numFmtId="49" fontId="3" fillId="3" borderId="4" xfId="0" applyNumberFormat="1" applyFont="1" applyFill="1" applyBorder="1" applyAlignment="1">
      <alignment horizontal="left" vertical="center"/>
    </xf>
    <xf numFmtId="49" fontId="2" fillId="0" borderId="3"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0" fontId="2" fillId="0" borderId="3"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4" borderId="0" xfId="0" applyFont="1" applyFill="1" applyAlignment="1">
      <alignment horizontal="center" vertical="center" wrapText="1"/>
    </xf>
    <xf numFmtId="0" fontId="5" fillId="5" borderId="31" xfId="0" applyFont="1" applyFill="1" applyBorder="1" applyAlignment="1" applyProtection="1">
      <alignment horizontal="left" vertical="center" wrapText="1"/>
      <protection locked="0"/>
    </xf>
    <xf numFmtId="0" fontId="5" fillId="5" borderId="32" xfId="0" applyFont="1" applyFill="1" applyBorder="1" applyAlignment="1" applyProtection="1">
      <alignment horizontal="left" vertical="center" wrapText="1"/>
      <protection locked="0"/>
    </xf>
    <xf numFmtId="0" fontId="3" fillId="5" borderId="31" xfId="0" applyFont="1" applyFill="1" applyBorder="1" applyAlignment="1">
      <alignment horizontal="left" vertical="center" wrapText="1"/>
    </xf>
    <xf numFmtId="0" fontId="3" fillId="5" borderId="4" xfId="0" applyFont="1" applyFill="1" applyBorder="1" applyAlignment="1">
      <alignment horizontal="left" vertical="center" wrapText="1"/>
    </xf>
    <xf numFmtId="49" fontId="5" fillId="6" borderId="43" xfId="0" applyNumberFormat="1" applyFont="1" applyFill="1" applyBorder="1" applyAlignment="1">
      <alignment horizontal="left" vertical="center" wrapText="1"/>
    </xf>
    <xf numFmtId="49" fontId="5" fillId="6" borderId="49" xfId="0" applyNumberFormat="1" applyFont="1" applyFill="1" applyBorder="1" applyAlignment="1">
      <alignment horizontal="left" vertical="center" wrapText="1"/>
    </xf>
    <xf numFmtId="49" fontId="5" fillId="6" borderId="45" xfId="0" applyNumberFormat="1"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10" xfId="0" applyNumberFormat="1" applyFont="1" applyFill="1" applyBorder="1" applyAlignment="1">
      <alignment horizontal="left" vertical="top" wrapText="1"/>
    </xf>
    <xf numFmtId="49" fontId="3" fillId="2" borderId="2" xfId="0" applyNumberFormat="1" applyFont="1" applyFill="1" applyBorder="1" applyAlignment="1">
      <alignment horizontal="left" vertical="top" wrapText="1"/>
    </xf>
    <xf numFmtId="49" fontId="10" fillId="0" borderId="3" xfId="0" applyNumberFormat="1" applyFont="1" applyBorder="1" applyAlignment="1">
      <alignment horizontal="center" vertical="center" wrapText="1"/>
    </xf>
    <xf numFmtId="49" fontId="10" fillId="0" borderId="21" xfId="0" applyNumberFormat="1" applyFont="1" applyBorder="1" applyAlignment="1">
      <alignment horizontal="center" vertical="center" wrapText="1"/>
    </xf>
    <xf numFmtId="0" fontId="3" fillId="2" borderId="46" xfId="0" applyFont="1" applyFill="1" applyBorder="1" applyAlignment="1">
      <alignment horizontal="center" vertical="top" wrapText="1"/>
    </xf>
    <xf numFmtId="0" fontId="3" fillId="2" borderId="47" xfId="0" applyFont="1" applyFill="1" applyBorder="1" applyAlignment="1">
      <alignment horizontal="center" vertical="top" wrapText="1"/>
    </xf>
    <xf numFmtId="0" fontId="3" fillId="2" borderId="48" xfId="0" applyFont="1" applyFill="1" applyBorder="1" applyAlignment="1">
      <alignment horizontal="center" vertical="top" wrapText="1"/>
    </xf>
    <xf numFmtId="49" fontId="2" fillId="2" borderId="13" xfId="0" applyNumberFormat="1" applyFont="1" applyFill="1" applyBorder="1" applyAlignment="1">
      <alignment horizontal="center" vertical="center" wrapText="1"/>
    </xf>
    <xf numFmtId="49" fontId="2" fillId="2" borderId="14" xfId="0" applyNumberFormat="1" applyFont="1" applyFill="1" applyBorder="1" applyAlignment="1">
      <alignment horizontal="center" vertical="center" wrapText="1"/>
    </xf>
    <xf numFmtId="0" fontId="2" fillId="0" borderId="29"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3" xfId="0" applyFont="1" applyFill="1" applyBorder="1" applyAlignment="1">
      <alignment horizontal="center" vertical="center" wrapText="1"/>
    </xf>
    <xf numFmtId="0" fontId="2" fillId="0" borderId="21" xfId="0" applyFont="1" applyFill="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2" fillId="3" borderId="3" xfId="0" applyFont="1" applyFill="1" applyBorder="1" applyAlignment="1">
      <alignment horizontal="left" vertical="top" wrapText="1"/>
    </xf>
    <xf numFmtId="0" fontId="2" fillId="3" borderId="4"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49" fontId="5" fillId="0" borderId="0" xfId="0" applyNumberFormat="1" applyFont="1" applyFill="1" applyAlignment="1">
      <alignment horizontal="left" vertical="top" wrapText="1"/>
    </xf>
    <xf numFmtId="0" fontId="4" fillId="0" borderId="0" xfId="0" applyFont="1" applyFill="1" applyAlignment="1">
      <alignment horizontal="left" vertical="top"/>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49" fontId="3" fillId="0" borderId="0" xfId="0" applyNumberFormat="1" applyFont="1" applyFill="1" applyAlignment="1">
      <alignment horizontal="left" vertical="center" wrapText="1"/>
    </xf>
    <xf numFmtId="0" fontId="12" fillId="0" borderId="5"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3" fillId="7" borderId="43" xfId="0" applyNumberFormat="1" applyFont="1" applyFill="1" applyBorder="1" applyAlignment="1">
      <alignment horizontal="left" vertical="center" wrapText="1"/>
    </xf>
    <xf numFmtId="49" fontId="3" fillId="7" borderId="44" xfId="0" applyNumberFormat="1" applyFont="1" applyFill="1" applyBorder="1" applyAlignment="1">
      <alignment horizontal="left" vertical="center" wrapText="1"/>
    </xf>
    <xf numFmtId="49" fontId="3" fillId="5" borderId="31" xfId="0" applyNumberFormat="1" applyFont="1" applyFill="1" applyBorder="1" applyAlignment="1">
      <alignment horizontal="left" vertical="center"/>
    </xf>
    <xf numFmtId="49" fontId="3" fillId="5" borderId="4" xfId="0" applyNumberFormat="1" applyFont="1" applyFill="1" applyBorder="1" applyAlignment="1">
      <alignment horizontal="left" vertical="center"/>
    </xf>
    <xf numFmtId="0" fontId="5" fillId="3" borderId="31" xfId="0" applyFont="1" applyFill="1" applyBorder="1" applyAlignment="1" applyProtection="1">
      <alignment horizontal="left" vertical="center" wrapText="1"/>
      <protection locked="0"/>
    </xf>
    <xf numFmtId="0" fontId="5" fillId="3" borderId="32" xfId="0" applyFont="1" applyFill="1" applyBorder="1" applyAlignment="1" applyProtection="1">
      <alignment horizontal="left" vertical="center" wrapText="1"/>
      <protection locked="0"/>
    </xf>
    <xf numFmtId="0" fontId="5" fillId="3" borderId="4" xfId="0" applyFont="1" applyFill="1" applyBorder="1" applyAlignment="1" applyProtection="1">
      <alignment horizontal="left" vertical="center" wrapText="1"/>
      <protection locked="0"/>
    </xf>
    <xf numFmtId="49" fontId="3" fillId="7" borderId="50" xfId="0" applyNumberFormat="1" applyFont="1" applyFill="1" applyBorder="1" applyAlignment="1">
      <alignment horizontal="left" vertical="center" wrapText="1"/>
    </xf>
    <xf numFmtId="49" fontId="3" fillId="7" borderId="51" xfId="0" applyNumberFormat="1" applyFont="1" applyFill="1" applyBorder="1" applyAlignment="1">
      <alignment horizontal="left" vertical="center" wrapText="1"/>
    </xf>
  </cellXfs>
  <cellStyles count="7">
    <cellStyle name="Normálna" xfId="0" builtinId="0"/>
    <cellStyle name="Normálna 2" xfId="2"/>
    <cellStyle name="Normálne 2" xfId="3"/>
    <cellStyle name="normálne 2 2" xfId="1"/>
    <cellStyle name="normálne 2 2 2" xfId="4"/>
    <cellStyle name="Normálne 4" xfId="5"/>
    <cellStyle name="Normální 3" xfId="6"/>
  </cellStyles>
  <dxfs count="2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FFCCFF"/>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9525</xdr:rowOff>
        </xdr:from>
        <xdr:to>
          <xdr:col>1</xdr:col>
          <xdr:colOff>885825</xdr:colOff>
          <xdr:row>36</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0</xdr:rowOff>
        </xdr:from>
        <xdr:to>
          <xdr:col>1</xdr:col>
          <xdr:colOff>885825</xdr:colOff>
          <xdr:row>37</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341"/>
  <sheetViews>
    <sheetView showGridLines="0" tabSelected="1" topLeftCell="A25" zoomScale="70" zoomScaleNormal="70" workbookViewId="0">
      <selection activeCell="M181" sqref="M180:M181"/>
    </sheetView>
  </sheetViews>
  <sheetFormatPr defaultRowHeight="12.75" x14ac:dyDescent="0.2"/>
  <cols>
    <col min="1" max="1" width="1.85546875" style="1" customWidth="1"/>
    <col min="2" max="2" width="14" style="1" customWidth="1"/>
    <col min="3" max="3" width="72" style="3"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217" t="s">
        <v>46</v>
      </c>
      <c r="C1" s="217"/>
      <c r="D1" s="217"/>
      <c r="E1" s="217"/>
      <c r="F1" s="217"/>
    </row>
    <row r="2" spans="2:6" ht="27.75" customHeight="1" x14ac:dyDescent="0.2">
      <c r="B2" s="216" t="s">
        <v>44</v>
      </c>
      <c r="C2" s="216"/>
      <c r="D2" s="216"/>
      <c r="E2" s="216"/>
      <c r="F2" s="216"/>
    </row>
    <row r="3" spans="2:6" ht="59.25" customHeight="1" x14ac:dyDescent="0.2">
      <c r="B3" s="208" t="s">
        <v>50</v>
      </c>
      <c r="C3" s="208"/>
      <c r="D3" s="208"/>
      <c r="E3" s="208"/>
      <c r="F3" s="208"/>
    </row>
    <row r="4" spans="2:6" ht="24.95" customHeight="1" x14ac:dyDescent="0.2">
      <c r="B4" s="39" t="s">
        <v>49</v>
      </c>
      <c r="C4" s="61"/>
      <c r="D4" s="36"/>
      <c r="E4" s="36"/>
      <c r="F4" s="36"/>
    </row>
    <row r="5" spans="2:6" ht="24.95" customHeight="1" x14ac:dyDescent="0.2">
      <c r="B5" s="39" t="s">
        <v>47</v>
      </c>
      <c r="C5" s="62"/>
      <c r="D5" s="36"/>
      <c r="E5" s="36"/>
      <c r="F5" s="36"/>
    </row>
    <row r="6" spans="2:6" ht="5.0999999999999996" customHeight="1" x14ac:dyDescent="0.2">
      <c r="B6" s="36"/>
      <c r="C6" s="56"/>
      <c r="D6" s="36"/>
      <c r="E6" s="36"/>
      <c r="F6" s="36"/>
    </row>
    <row r="7" spans="2:6" s="2" customFormat="1" ht="20.100000000000001" customHeight="1" x14ac:dyDescent="0.25">
      <c r="B7" s="183" t="s">
        <v>4</v>
      </c>
      <c r="C7" s="183"/>
      <c r="D7" s="183"/>
      <c r="E7" s="183"/>
      <c r="F7" s="183"/>
    </row>
    <row r="8" spans="2:6" s="2" customFormat="1" ht="20.100000000000001" customHeight="1" x14ac:dyDescent="0.25">
      <c r="B8" s="209" t="s">
        <v>8</v>
      </c>
      <c r="C8" s="209"/>
      <c r="D8" s="209"/>
      <c r="E8" s="209"/>
      <c r="F8" s="209"/>
    </row>
    <row r="9" spans="2:6" ht="29.25" customHeight="1" x14ac:dyDescent="0.2">
      <c r="B9" s="218" t="s">
        <v>294</v>
      </c>
      <c r="C9" s="218"/>
      <c r="D9" s="218"/>
      <c r="E9" s="218"/>
      <c r="F9" s="218"/>
    </row>
    <row r="10" spans="2:6" ht="4.5" customHeight="1" x14ac:dyDescent="0.2">
      <c r="B10" s="38"/>
      <c r="C10" s="38"/>
      <c r="D10" s="38"/>
      <c r="E10" s="38"/>
      <c r="F10" s="38"/>
    </row>
    <row r="11" spans="2:6" s="2" customFormat="1" ht="20.100000000000001" customHeight="1" x14ac:dyDescent="0.25">
      <c r="B11" s="210" t="s">
        <v>9</v>
      </c>
      <c r="C11" s="210"/>
      <c r="D11" s="210"/>
      <c r="E11" s="210"/>
      <c r="F11" s="210"/>
    </row>
    <row r="12" spans="2:6" s="2" customFormat="1" ht="20.100000000000001" customHeight="1" x14ac:dyDescent="0.25">
      <c r="B12" s="211" t="s">
        <v>72</v>
      </c>
      <c r="C12" s="211"/>
      <c r="D12" s="211"/>
      <c r="E12" s="40"/>
      <c r="F12" s="40"/>
    </row>
    <row r="13" spans="2:6" s="2" customFormat="1" ht="20.100000000000001" customHeight="1" x14ac:dyDescent="0.25">
      <c r="B13" s="211" t="s">
        <v>71</v>
      </c>
      <c r="C13" s="219"/>
      <c r="D13" s="82"/>
      <c r="E13" s="57"/>
      <c r="F13" s="57"/>
    </row>
    <row r="14" spans="2:6" s="2" customFormat="1" ht="20.100000000000001" customHeight="1" x14ac:dyDescent="0.25">
      <c r="B14" s="211" t="s">
        <v>69</v>
      </c>
      <c r="C14" s="211"/>
      <c r="D14" s="82"/>
      <c r="E14" s="57"/>
      <c r="F14" s="57"/>
    </row>
    <row r="15" spans="2:6" s="3" customFormat="1" ht="20.100000000000001" customHeight="1" x14ac:dyDescent="0.25">
      <c r="B15" s="211" t="s">
        <v>70</v>
      </c>
      <c r="C15" s="211"/>
      <c r="D15" s="211"/>
      <c r="E15" s="18"/>
      <c r="F15" s="19"/>
    </row>
    <row r="16" spans="2:6" ht="4.5" customHeight="1" x14ac:dyDescent="0.2">
      <c r="B16" s="41"/>
      <c r="C16" s="41"/>
      <c r="D16" s="41"/>
      <c r="E16" s="38"/>
      <c r="F16" s="38"/>
    </row>
    <row r="17" spans="2:9" ht="20.100000000000001" customHeight="1" x14ac:dyDescent="0.2">
      <c r="B17" s="37" t="s">
        <v>10</v>
      </c>
      <c r="C17" s="37"/>
      <c r="D17" s="20"/>
      <c r="E17" s="21"/>
      <c r="F17" s="21"/>
    </row>
    <row r="18" spans="2:9" s="3" customFormat="1" ht="22.5" customHeight="1" x14ac:dyDescent="0.25">
      <c r="B18" s="222" t="s">
        <v>63</v>
      </c>
      <c r="C18" s="222"/>
      <c r="D18" s="222"/>
      <c r="E18" s="18"/>
      <c r="F18" s="19"/>
    </row>
    <row r="19" spans="2:9" ht="5.0999999999999996" customHeight="1" x14ac:dyDescent="0.2">
      <c r="B19" s="221"/>
      <c r="C19" s="221"/>
      <c r="D19" s="221"/>
      <c r="F19" s="15"/>
    </row>
    <row r="20" spans="2:9" s="2" customFormat="1" ht="20.100000000000001" customHeight="1" x14ac:dyDescent="0.25">
      <c r="B20" s="183" t="s">
        <v>22</v>
      </c>
      <c r="C20" s="183"/>
      <c r="D20" s="183"/>
      <c r="E20" s="183"/>
      <c r="F20" s="183"/>
    </row>
    <row r="21" spans="2:9" ht="43.5" customHeight="1" x14ac:dyDescent="0.2">
      <c r="B21" s="220" t="s">
        <v>80</v>
      </c>
      <c r="C21" s="220"/>
      <c r="D21" s="220"/>
      <c r="E21" s="220"/>
      <c r="F21" s="220"/>
    </row>
    <row r="22" spans="2:9" ht="5.0999999999999996" customHeight="1" x14ac:dyDescent="0.2">
      <c r="B22" s="221"/>
      <c r="C22" s="221"/>
      <c r="D22" s="221"/>
      <c r="F22" s="15"/>
    </row>
    <row r="23" spans="2:9" s="2" customFormat="1" ht="20.100000000000001" customHeight="1" x14ac:dyDescent="0.25">
      <c r="B23" s="183" t="s">
        <v>23</v>
      </c>
      <c r="C23" s="183"/>
      <c r="D23" s="183"/>
      <c r="E23" s="183"/>
      <c r="F23" s="183"/>
    </row>
    <row r="24" spans="2:9" s="9" customFormat="1" ht="20.100000000000001" customHeight="1" x14ac:dyDescent="0.25">
      <c r="B24" s="223" t="s">
        <v>5</v>
      </c>
      <c r="C24" s="223"/>
      <c r="D24" s="223"/>
      <c r="E24" s="223"/>
      <c r="F24" s="223"/>
    </row>
    <row r="25" spans="2:9" s="9" customFormat="1" ht="20.100000000000001" customHeight="1" x14ac:dyDescent="0.25">
      <c r="B25" s="214" t="s">
        <v>16</v>
      </c>
      <c r="C25" s="215"/>
      <c r="D25" s="14"/>
      <c r="E25" s="14"/>
      <c r="F25" s="14"/>
    </row>
    <row r="26" spans="2:9" s="9" customFormat="1" ht="20.100000000000001" customHeight="1" x14ac:dyDescent="0.25">
      <c r="B26" s="13"/>
      <c r="C26" s="63" t="s">
        <v>20</v>
      </c>
      <c r="D26" s="14"/>
      <c r="E26" s="14"/>
      <c r="F26" s="14"/>
    </row>
    <row r="27" spans="2:9" s="9" customFormat="1" ht="20.100000000000001" customHeight="1" x14ac:dyDescent="0.25">
      <c r="B27" s="13"/>
      <c r="C27" s="63" t="s">
        <v>21</v>
      </c>
      <c r="D27" s="14"/>
      <c r="E27" s="14"/>
      <c r="F27" s="14"/>
    </row>
    <row r="28" spans="2:9" s="9" customFormat="1" ht="20.100000000000001" customHeight="1" x14ac:dyDescent="0.25">
      <c r="B28" s="214" t="s">
        <v>17</v>
      </c>
      <c r="C28" s="215"/>
      <c r="D28" s="14"/>
      <c r="E28" s="14"/>
      <c r="F28" s="14"/>
    </row>
    <row r="29" spans="2:9" s="9" customFormat="1" ht="20.100000000000001" customHeight="1" x14ac:dyDescent="0.25">
      <c r="B29" s="133" t="s">
        <v>406</v>
      </c>
      <c r="C29" s="134"/>
      <c r="D29" s="135"/>
      <c r="E29" s="135"/>
      <c r="F29" s="135"/>
    </row>
    <row r="30" spans="2:9" s="9" customFormat="1" ht="39.75" customHeight="1" x14ac:dyDescent="0.25">
      <c r="B30" s="16" t="s">
        <v>18</v>
      </c>
      <c r="C30" s="212" t="s">
        <v>12</v>
      </c>
      <c r="D30" s="213"/>
      <c r="E30" s="17" t="s">
        <v>11</v>
      </c>
      <c r="F30" s="17" t="s">
        <v>457</v>
      </c>
    </row>
    <row r="31" spans="2:9" s="9" customFormat="1" ht="39" customHeight="1" x14ac:dyDescent="0.25">
      <c r="B31" s="42" t="s">
        <v>1</v>
      </c>
      <c r="C31" s="172" t="s">
        <v>453</v>
      </c>
      <c r="D31" s="173"/>
      <c r="E31" s="51" t="s">
        <v>68</v>
      </c>
      <c r="F31" s="80">
        <v>1</v>
      </c>
    </row>
    <row r="32" spans="2:9" s="145" customFormat="1" ht="34.5" customHeight="1" x14ac:dyDescent="0.2">
      <c r="B32" s="151" t="s">
        <v>407</v>
      </c>
      <c r="C32" s="148"/>
      <c r="D32" s="148"/>
      <c r="E32" s="149"/>
      <c r="F32" s="150"/>
      <c r="I32" s="146"/>
    </row>
    <row r="33" spans="2:9" s="9" customFormat="1" ht="39" customHeight="1" x14ac:dyDescent="0.25">
      <c r="B33" s="42" t="s">
        <v>1</v>
      </c>
      <c r="C33" s="172" t="s">
        <v>349</v>
      </c>
      <c r="D33" s="173"/>
      <c r="E33" s="51" t="s">
        <v>68</v>
      </c>
      <c r="F33" s="80">
        <v>1</v>
      </c>
      <c r="I33" s="50"/>
    </row>
    <row r="34" spans="2:9" s="9" customFormat="1" ht="39" customHeight="1" x14ac:dyDescent="0.2">
      <c r="B34" s="147" t="s">
        <v>408</v>
      </c>
      <c r="C34" s="172" t="s">
        <v>454</v>
      </c>
      <c r="D34" s="173"/>
      <c r="E34" s="51" t="s">
        <v>405</v>
      </c>
      <c r="F34" s="80">
        <v>36</v>
      </c>
      <c r="I34" s="50"/>
    </row>
    <row r="35" spans="2:9" s="9" customFormat="1" ht="4.5" customHeight="1" x14ac:dyDescent="0.25">
      <c r="B35" s="14"/>
      <c r="C35" s="64"/>
      <c r="D35" s="14"/>
      <c r="E35" s="14"/>
      <c r="F35" s="14"/>
    </row>
    <row r="36" spans="2:9" s="9" customFormat="1" ht="20.100000000000001" customHeight="1" x14ac:dyDescent="0.25">
      <c r="B36" s="214" t="s">
        <v>19</v>
      </c>
      <c r="C36" s="215"/>
      <c r="D36" s="14"/>
      <c r="E36" s="14"/>
      <c r="F36" s="14"/>
    </row>
    <row r="37" spans="2:9" s="9" customFormat="1" ht="20.100000000000001" customHeight="1" x14ac:dyDescent="0.2">
      <c r="B37" s="10"/>
      <c r="C37" s="65" t="s">
        <v>2</v>
      </c>
      <c r="D37" s="14"/>
      <c r="E37" s="14"/>
      <c r="F37" s="14"/>
    </row>
    <row r="38" spans="2:9" s="9" customFormat="1" ht="20.100000000000001" customHeight="1" x14ac:dyDescent="0.25">
      <c r="B38" s="13"/>
      <c r="C38" s="3" t="s">
        <v>3</v>
      </c>
      <c r="D38" s="14"/>
      <c r="E38" s="14"/>
      <c r="F38" s="14"/>
    </row>
    <row r="39" spans="2:9" ht="5.0999999999999996" customHeight="1" x14ac:dyDescent="0.2"/>
    <row r="40" spans="2:9" s="2" customFormat="1" ht="20.100000000000001" customHeight="1" x14ac:dyDescent="0.25">
      <c r="B40" s="183" t="s">
        <v>24</v>
      </c>
      <c r="C40" s="183"/>
      <c r="D40" s="183"/>
      <c r="E40" s="183"/>
      <c r="F40" s="183"/>
    </row>
    <row r="41" spans="2:9" s="2" customFormat="1" ht="5.0999999999999996" customHeight="1" thickBot="1" x14ac:dyDescent="0.3">
      <c r="B41" s="15"/>
      <c r="C41" s="3"/>
      <c r="D41" s="6"/>
      <c r="E41" s="6"/>
      <c r="F41" s="6"/>
    </row>
    <row r="42" spans="2:9" s="3" customFormat="1" ht="93" customHeight="1" x14ac:dyDescent="0.25">
      <c r="B42" s="191" t="s">
        <v>0</v>
      </c>
      <c r="C42" s="192"/>
      <c r="D42" s="197" t="s">
        <v>25</v>
      </c>
      <c r="E42" s="198"/>
      <c r="F42" s="199"/>
      <c r="G42" s="22"/>
    </row>
    <row r="43" spans="2:9" s="3" customFormat="1" ht="36" customHeight="1" thickBot="1" x14ac:dyDescent="0.3">
      <c r="B43" s="193"/>
      <c r="C43" s="194"/>
      <c r="D43" s="23" t="s">
        <v>26</v>
      </c>
      <c r="E43" s="200" t="s">
        <v>27</v>
      </c>
      <c r="F43" s="201"/>
    </row>
    <row r="44" spans="2:9" s="24" customFormat="1" ht="59.25" customHeight="1" x14ac:dyDescent="0.25">
      <c r="B44" s="188" t="s">
        <v>455</v>
      </c>
      <c r="C44" s="189"/>
      <c r="D44" s="189"/>
      <c r="E44" s="189"/>
      <c r="F44" s="190"/>
    </row>
    <row r="45" spans="2:9" s="4" customFormat="1" ht="30.75" customHeight="1" x14ac:dyDescent="0.25">
      <c r="B45" s="233" t="s">
        <v>81</v>
      </c>
      <c r="C45" s="234"/>
      <c r="D45" s="44"/>
      <c r="E45" s="177"/>
      <c r="F45" s="178"/>
    </row>
    <row r="46" spans="2:9" s="4" customFormat="1" ht="74.25" customHeight="1" x14ac:dyDescent="0.25">
      <c r="B46" s="49" t="s">
        <v>82</v>
      </c>
      <c r="C46" s="122" t="s">
        <v>84</v>
      </c>
      <c r="D46" s="44"/>
      <c r="E46" s="195"/>
      <c r="F46" s="196"/>
    </row>
    <row r="47" spans="2:9" s="4" customFormat="1" ht="54.75" customHeight="1" x14ac:dyDescent="0.25">
      <c r="B47" s="49" t="s">
        <v>89</v>
      </c>
      <c r="C47" s="89" t="s">
        <v>85</v>
      </c>
      <c r="D47" s="44"/>
      <c r="E47" s="177"/>
      <c r="F47" s="178"/>
    </row>
    <row r="48" spans="2:9" s="4" customFormat="1" ht="29.25" customHeight="1" x14ac:dyDescent="0.25">
      <c r="B48" s="49" t="s">
        <v>90</v>
      </c>
      <c r="C48" s="122" t="s">
        <v>86</v>
      </c>
      <c r="D48" s="44"/>
      <c r="E48" s="177"/>
      <c r="F48" s="178"/>
    </row>
    <row r="49" spans="2:6" s="4" customFormat="1" ht="85.5" customHeight="1" x14ac:dyDescent="0.25">
      <c r="B49" s="49" t="s">
        <v>91</v>
      </c>
      <c r="C49" s="89" t="s">
        <v>83</v>
      </c>
      <c r="D49" s="44"/>
      <c r="E49" s="177"/>
      <c r="F49" s="178"/>
    </row>
    <row r="50" spans="2:6" s="4" customFormat="1" ht="29.25" customHeight="1" x14ac:dyDescent="0.25">
      <c r="B50" s="49" t="s">
        <v>92</v>
      </c>
      <c r="C50" s="122" t="s">
        <v>87</v>
      </c>
      <c r="D50" s="44"/>
      <c r="E50" s="177"/>
      <c r="F50" s="178"/>
    </row>
    <row r="51" spans="2:6" s="4" customFormat="1" ht="43.5" customHeight="1" x14ac:dyDescent="0.25">
      <c r="B51" s="49" t="s">
        <v>93</v>
      </c>
      <c r="C51" s="89" t="s">
        <v>88</v>
      </c>
      <c r="D51" s="44"/>
      <c r="E51" s="177"/>
      <c r="F51" s="178"/>
    </row>
    <row r="52" spans="2:6" s="4" customFormat="1" ht="29.25" customHeight="1" x14ac:dyDescent="0.25">
      <c r="B52" s="49" t="s">
        <v>94</v>
      </c>
      <c r="C52" s="122" t="s">
        <v>350</v>
      </c>
      <c r="D52" s="44"/>
      <c r="E52" s="177"/>
      <c r="F52" s="178"/>
    </row>
    <row r="53" spans="2:6" s="4" customFormat="1" ht="29.25" customHeight="1" x14ac:dyDescent="0.25">
      <c r="B53" s="233" t="s">
        <v>95</v>
      </c>
      <c r="C53" s="234"/>
      <c r="D53" s="44"/>
      <c r="E53" s="177"/>
      <c r="F53" s="178"/>
    </row>
    <row r="54" spans="2:6" s="4" customFormat="1" ht="29.25" customHeight="1" x14ac:dyDescent="0.25">
      <c r="B54" s="49" t="s">
        <v>98</v>
      </c>
      <c r="C54" s="89" t="s">
        <v>102</v>
      </c>
      <c r="D54" s="44"/>
      <c r="E54" s="177"/>
      <c r="F54" s="178"/>
    </row>
    <row r="55" spans="2:6" s="4" customFormat="1" ht="29.25" customHeight="1" x14ac:dyDescent="0.25">
      <c r="B55" s="49" t="s">
        <v>99</v>
      </c>
      <c r="C55" s="122" t="s">
        <v>96</v>
      </c>
      <c r="D55" s="44"/>
      <c r="E55" s="177"/>
      <c r="F55" s="178"/>
    </row>
    <row r="56" spans="2:6" s="4" customFormat="1" ht="29.25" customHeight="1" x14ac:dyDescent="0.25">
      <c r="B56" s="49" t="s">
        <v>100</v>
      </c>
      <c r="C56" s="69" t="s">
        <v>103</v>
      </c>
      <c r="D56" s="44"/>
      <c r="E56" s="177"/>
      <c r="F56" s="178"/>
    </row>
    <row r="57" spans="2:6" s="4" customFormat="1" ht="29.25" customHeight="1" x14ac:dyDescent="0.25">
      <c r="B57" s="49" t="s">
        <v>101</v>
      </c>
      <c r="C57" s="88" t="s">
        <v>97</v>
      </c>
      <c r="D57" s="44"/>
      <c r="E57" s="177"/>
      <c r="F57" s="178"/>
    </row>
    <row r="58" spans="2:6" s="4" customFormat="1" ht="29.25" customHeight="1" x14ac:dyDescent="0.25">
      <c r="B58" s="235" t="s">
        <v>104</v>
      </c>
      <c r="C58" s="236"/>
      <c r="D58" s="237"/>
      <c r="E58" s="177"/>
      <c r="F58" s="178"/>
    </row>
    <row r="59" spans="2:6" s="4" customFormat="1" ht="29.25" customHeight="1" x14ac:dyDescent="0.25">
      <c r="B59" s="49" t="s">
        <v>105</v>
      </c>
      <c r="C59" s="69" t="s">
        <v>269</v>
      </c>
      <c r="D59" s="44"/>
      <c r="E59" s="177"/>
      <c r="F59" s="178"/>
    </row>
    <row r="60" spans="2:6" s="4" customFormat="1" ht="28.5" customHeight="1" x14ac:dyDescent="0.25">
      <c r="B60" s="49" t="s">
        <v>106</v>
      </c>
      <c r="C60" s="88" t="s">
        <v>112</v>
      </c>
      <c r="D60" s="44"/>
      <c r="E60" s="177"/>
      <c r="F60" s="178"/>
    </row>
    <row r="61" spans="2:6" s="4" customFormat="1" ht="29.25" customHeight="1" x14ac:dyDescent="0.25">
      <c r="B61" s="49" t="s">
        <v>107</v>
      </c>
      <c r="C61" s="69" t="s">
        <v>270</v>
      </c>
      <c r="D61" s="44"/>
      <c r="E61" s="177"/>
      <c r="F61" s="178"/>
    </row>
    <row r="62" spans="2:6" s="4" customFormat="1" ht="29.25" customHeight="1" x14ac:dyDescent="0.25">
      <c r="B62" s="49" t="s">
        <v>108</v>
      </c>
      <c r="C62" s="88" t="s">
        <v>113</v>
      </c>
      <c r="D62" s="44"/>
      <c r="E62" s="177"/>
      <c r="F62" s="178"/>
    </row>
    <row r="63" spans="2:6" s="4" customFormat="1" ht="29.25" customHeight="1" x14ac:dyDescent="0.25">
      <c r="B63" s="49" t="s">
        <v>109</v>
      </c>
      <c r="C63" s="88" t="s">
        <v>114</v>
      </c>
      <c r="D63" s="44"/>
      <c r="E63" s="177"/>
      <c r="F63" s="178"/>
    </row>
    <row r="64" spans="2:6" s="4" customFormat="1" ht="29.25" customHeight="1" x14ac:dyDescent="0.25">
      <c r="B64" s="49" t="s">
        <v>110</v>
      </c>
      <c r="C64" s="88" t="s">
        <v>115</v>
      </c>
      <c r="D64" s="44"/>
      <c r="E64" s="177"/>
      <c r="F64" s="178"/>
    </row>
    <row r="65" spans="2:6" s="4" customFormat="1" ht="39" customHeight="1" x14ac:dyDescent="0.25">
      <c r="B65" s="49" t="s">
        <v>111</v>
      </c>
      <c r="C65" s="69" t="s">
        <v>116</v>
      </c>
      <c r="D65" s="44"/>
      <c r="E65" s="177"/>
      <c r="F65" s="178"/>
    </row>
    <row r="66" spans="2:6" s="4" customFormat="1" ht="29.25" customHeight="1" x14ac:dyDescent="0.25">
      <c r="B66" s="235" t="s">
        <v>117</v>
      </c>
      <c r="C66" s="236"/>
      <c r="D66" s="237"/>
      <c r="E66" s="177"/>
      <c r="F66" s="178"/>
    </row>
    <row r="67" spans="2:6" s="4" customFormat="1" ht="29.25" customHeight="1" x14ac:dyDescent="0.25">
      <c r="B67" s="49" t="s">
        <v>118</v>
      </c>
      <c r="C67" s="88" t="s">
        <v>120</v>
      </c>
      <c r="D67" s="44"/>
      <c r="E67" s="177"/>
      <c r="F67" s="178"/>
    </row>
    <row r="68" spans="2:6" s="4" customFormat="1" ht="54" customHeight="1" x14ac:dyDescent="0.25">
      <c r="B68" s="49" t="s">
        <v>119</v>
      </c>
      <c r="C68" s="69" t="s">
        <v>121</v>
      </c>
      <c r="D68" s="44"/>
      <c r="E68" s="177"/>
      <c r="F68" s="178"/>
    </row>
    <row r="69" spans="2:6" s="4" customFormat="1" ht="29.25" customHeight="1" x14ac:dyDescent="0.25">
      <c r="B69" s="184" t="s">
        <v>122</v>
      </c>
      <c r="C69" s="185"/>
      <c r="D69" s="90"/>
      <c r="E69" s="177"/>
      <c r="F69" s="178"/>
    </row>
    <row r="70" spans="2:6" s="4" customFormat="1" ht="54.75" customHeight="1" x14ac:dyDescent="0.25">
      <c r="B70" s="49" t="s">
        <v>123</v>
      </c>
      <c r="C70" s="69" t="s">
        <v>124</v>
      </c>
      <c r="D70" s="44"/>
      <c r="E70" s="177"/>
      <c r="F70" s="178"/>
    </row>
    <row r="71" spans="2:6" s="4" customFormat="1" ht="29.25" customHeight="1" x14ac:dyDescent="0.25">
      <c r="B71" s="49" t="s">
        <v>125</v>
      </c>
      <c r="C71" s="69" t="s">
        <v>126</v>
      </c>
      <c r="D71" s="44"/>
      <c r="E71" s="177"/>
      <c r="F71" s="178"/>
    </row>
    <row r="72" spans="2:6" s="4" customFormat="1" ht="28.5" customHeight="1" x14ac:dyDescent="0.25">
      <c r="B72" s="49" t="s">
        <v>132</v>
      </c>
      <c r="C72" s="69" t="s">
        <v>127</v>
      </c>
      <c r="D72" s="44"/>
      <c r="E72" s="177"/>
      <c r="F72" s="178"/>
    </row>
    <row r="73" spans="2:6" s="4" customFormat="1" ht="29.25" customHeight="1" x14ac:dyDescent="0.25">
      <c r="B73" s="49" t="s">
        <v>133</v>
      </c>
      <c r="C73" s="69" t="s">
        <v>128</v>
      </c>
      <c r="D73" s="44"/>
      <c r="E73" s="177"/>
      <c r="F73" s="178"/>
    </row>
    <row r="74" spans="2:6" s="4" customFormat="1" ht="29.25" customHeight="1" x14ac:dyDescent="0.25">
      <c r="B74" s="49" t="s">
        <v>134</v>
      </c>
      <c r="C74" s="88" t="s">
        <v>129</v>
      </c>
      <c r="D74" s="44"/>
      <c r="E74" s="177"/>
      <c r="F74" s="178"/>
    </row>
    <row r="75" spans="2:6" s="4" customFormat="1" ht="29.25" customHeight="1" x14ac:dyDescent="0.25">
      <c r="B75" s="49" t="s">
        <v>135</v>
      </c>
      <c r="C75" s="88" t="s">
        <v>357</v>
      </c>
      <c r="D75" s="59"/>
      <c r="E75" s="177"/>
      <c r="F75" s="178"/>
    </row>
    <row r="76" spans="2:6" s="4" customFormat="1" ht="44.25" customHeight="1" x14ac:dyDescent="0.25">
      <c r="B76" s="49" t="s">
        <v>136</v>
      </c>
      <c r="C76" s="69" t="s">
        <v>367</v>
      </c>
      <c r="D76" s="59"/>
      <c r="E76" s="177"/>
      <c r="F76" s="178"/>
    </row>
    <row r="77" spans="2:6" s="4" customFormat="1" ht="42.75" customHeight="1" x14ac:dyDescent="0.25">
      <c r="B77" s="49" t="s">
        <v>137</v>
      </c>
      <c r="C77" s="69" t="s">
        <v>130</v>
      </c>
      <c r="D77" s="59"/>
      <c r="E77" s="177"/>
      <c r="F77" s="178"/>
    </row>
    <row r="78" spans="2:6" s="4" customFormat="1" ht="29.25" customHeight="1" x14ac:dyDescent="0.25">
      <c r="B78" s="49" t="s">
        <v>138</v>
      </c>
      <c r="C78" s="88" t="s">
        <v>131</v>
      </c>
      <c r="D78" s="59"/>
      <c r="E78" s="177"/>
      <c r="F78" s="178"/>
    </row>
    <row r="79" spans="2:6" s="4" customFormat="1" ht="27.75" customHeight="1" x14ac:dyDescent="0.25">
      <c r="B79" s="184" t="s">
        <v>139</v>
      </c>
      <c r="C79" s="185"/>
      <c r="D79" s="59"/>
      <c r="E79" s="177"/>
      <c r="F79" s="178"/>
    </row>
    <row r="80" spans="2:6" s="4" customFormat="1" ht="29.25" customHeight="1" x14ac:dyDescent="0.25">
      <c r="B80" s="49" t="s">
        <v>140</v>
      </c>
      <c r="C80" s="88" t="s">
        <v>366</v>
      </c>
      <c r="D80" s="59"/>
      <c r="E80" s="177"/>
      <c r="F80" s="178"/>
    </row>
    <row r="81" spans="2:6" s="4" customFormat="1" ht="29.25" customHeight="1" x14ac:dyDescent="0.25">
      <c r="B81" s="49" t="s">
        <v>141</v>
      </c>
      <c r="C81" s="88" t="s">
        <v>358</v>
      </c>
      <c r="D81" s="59"/>
      <c r="E81" s="177"/>
      <c r="F81" s="178"/>
    </row>
    <row r="82" spans="2:6" s="4" customFormat="1" ht="29.25" customHeight="1" x14ac:dyDescent="0.25">
      <c r="B82" s="49" t="s">
        <v>142</v>
      </c>
      <c r="C82" s="69" t="s">
        <v>147</v>
      </c>
      <c r="D82" s="59"/>
      <c r="E82" s="177"/>
      <c r="F82" s="178"/>
    </row>
    <row r="83" spans="2:6" s="4" customFormat="1" ht="29.25" customHeight="1" x14ac:dyDescent="0.25">
      <c r="B83" s="49" t="s">
        <v>143</v>
      </c>
      <c r="C83" s="88" t="s">
        <v>148</v>
      </c>
      <c r="D83" s="59"/>
      <c r="E83" s="177"/>
      <c r="F83" s="178"/>
    </row>
    <row r="84" spans="2:6" s="4" customFormat="1" ht="29.25" customHeight="1" x14ac:dyDescent="0.25">
      <c r="B84" s="49" t="s">
        <v>144</v>
      </c>
      <c r="C84" s="88" t="s">
        <v>149</v>
      </c>
      <c r="D84" s="59"/>
      <c r="E84" s="177"/>
      <c r="F84" s="178"/>
    </row>
    <row r="85" spans="2:6" s="4" customFormat="1" ht="29.25" customHeight="1" x14ac:dyDescent="0.25">
      <c r="B85" s="49" t="s">
        <v>145</v>
      </c>
      <c r="C85" s="88" t="s">
        <v>150</v>
      </c>
      <c r="D85" s="59"/>
      <c r="E85" s="177"/>
      <c r="F85" s="178"/>
    </row>
    <row r="86" spans="2:6" s="4" customFormat="1" ht="29.25" customHeight="1" x14ac:dyDescent="0.25">
      <c r="B86" s="49" t="s">
        <v>146</v>
      </c>
      <c r="C86" s="88" t="s">
        <v>151</v>
      </c>
      <c r="D86" s="59"/>
      <c r="E86" s="177"/>
      <c r="F86" s="178"/>
    </row>
    <row r="87" spans="2:6" s="4" customFormat="1" ht="29.25" customHeight="1" x14ac:dyDescent="0.25">
      <c r="B87" s="184" t="s">
        <v>152</v>
      </c>
      <c r="C87" s="185"/>
      <c r="D87" s="91"/>
      <c r="E87" s="177"/>
      <c r="F87" s="178"/>
    </row>
    <row r="88" spans="2:6" s="4" customFormat="1" ht="43.5" customHeight="1" x14ac:dyDescent="0.25">
      <c r="B88" s="58" t="s">
        <v>153</v>
      </c>
      <c r="C88" s="93" t="s">
        <v>271</v>
      </c>
      <c r="D88" s="59"/>
      <c r="E88" s="177"/>
      <c r="F88" s="178"/>
    </row>
    <row r="89" spans="2:6" s="4" customFormat="1" ht="28.5" customHeight="1" x14ac:dyDescent="0.25">
      <c r="B89" s="81" t="s">
        <v>154</v>
      </c>
      <c r="C89" s="101" t="s">
        <v>155</v>
      </c>
      <c r="D89" s="59"/>
      <c r="E89" s="177"/>
      <c r="F89" s="178"/>
    </row>
    <row r="90" spans="2:6" s="4" customFormat="1" ht="30" customHeight="1" x14ac:dyDescent="0.25">
      <c r="B90" s="184" t="s">
        <v>156</v>
      </c>
      <c r="C90" s="185"/>
      <c r="D90" s="59"/>
      <c r="E90" s="177"/>
      <c r="F90" s="178"/>
    </row>
    <row r="91" spans="2:6" s="4" customFormat="1" ht="43.5" customHeight="1" x14ac:dyDescent="0.25">
      <c r="B91" s="58" t="s">
        <v>157</v>
      </c>
      <c r="C91" s="69" t="s">
        <v>359</v>
      </c>
      <c r="D91" s="59"/>
      <c r="E91" s="177"/>
      <c r="F91" s="178"/>
    </row>
    <row r="92" spans="2:6" s="4" customFormat="1" ht="29.25" customHeight="1" x14ac:dyDescent="0.25">
      <c r="B92" s="184" t="s">
        <v>158</v>
      </c>
      <c r="C92" s="185"/>
      <c r="D92" s="59"/>
      <c r="E92" s="177"/>
      <c r="F92" s="178"/>
    </row>
    <row r="93" spans="2:6" s="4" customFormat="1" ht="43.5" customHeight="1" x14ac:dyDescent="0.2">
      <c r="B93" s="58" t="s">
        <v>160</v>
      </c>
      <c r="C93" s="92" t="s">
        <v>164</v>
      </c>
      <c r="D93" s="59"/>
      <c r="E93" s="177"/>
      <c r="F93" s="178"/>
    </row>
    <row r="94" spans="2:6" s="4" customFormat="1" ht="29.25" customHeight="1" x14ac:dyDescent="0.2">
      <c r="B94" s="58" t="s">
        <v>161</v>
      </c>
      <c r="C94" s="92" t="s">
        <v>159</v>
      </c>
      <c r="D94" s="59"/>
      <c r="E94" s="177"/>
      <c r="F94" s="178"/>
    </row>
    <row r="95" spans="2:6" s="4" customFormat="1" ht="48" customHeight="1" x14ac:dyDescent="0.25">
      <c r="B95" s="58" t="s">
        <v>162</v>
      </c>
      <c r="C95" s="69" t="s">
        <v>166</v>
      </c>
      <c r="D95" s="59"/>
      <c r="E95" s="177"/>
      <c r="F95" s="178"/>
    </row>
    <row r="96" spans="2:6" s="4" customFormat="1" ht="33.75" customHeight="1" x14ac:dyDescent="0.25">
      <c r="B96" s="58" t="s">
        <v>163</v>
      </c>
      <c r="C96" s="69" t="s">
        <v>165</v>
      </c>
      <c r="D96" s="59"/>
      <c r="E96" s="177"/>
      <c r="F96" s="178"/>
    </row>
    <row r="97" spans="2:6" s="4" customFormat="1" ht="43.5" customHeight="1" x14ac:dyDescent="0.25">
      <c r="B97" s="58" t="s">
        <v>285</v>
      </c>
      <c r="C97" s="93" t="s">
        <v>290</v>
      </c>
      <c r="D97" s="59"/>
      <c r="E97" s="177"/>
      <c r="F97" s="178"/>
    </row>
    <row r="98" spans="2:6" s="4" customFormat="1" ht="33.75" customHeight="1" x14ac:dyDescent="0.25">
      <c r="B98" s="81" t="s">
        <v>286</v>
      </c>
      <c r="C98" s="69" t="s">
        <v>287</v>
      </c>
      <c r="D98" s="59"/>
      <c r="E98" s="177"/>
      <c r="F98" s="178"/>
    </row>
    <row r="99" spans="2:6" s="4" customFormat="1" ht="43.5" customHeight="1" x14ac:dyDescent="0.25">
      <c r="B99" s="81" t="s">
        <v>288</v>
      </c>
      <c r="C99" s="69" t="s">
        <v>289</v>
      </c>
      <c r="D99" s="59"/>
      <c r="E99" s="177"/>
      <c r="F99" s="178"/>
    </row>
    <row r="100" spans="2:6" s="4" customFormat="1" ht="29.25" customHeight="1" x14ac:dyDescent="0.25">
      <c r="B100" s="184" t="s">
        <v>167</v>
      </c>
      <c r="C100" s="185"/>
      <c r="D100" s="59"/>
      <c r="E100" s="177"/>
      <c r="F100" s="178"/>
    </row>
    <row r="101" spans="2:6" s="4" customFormat="1" ht="29.25" customHeight="1" x14ac:dyDescent="0.25">
      <c r="B101" s="58" t="s">
        <v>169</v>
      </c>
      <c r="C101" s="88" t="s">
        <v>168</v>
      </c>
      <c r="D101" s="59"/>
      <c r="E101" s="177"/>
      <c r="F101" s="178"/>
    </row>
    <row r="102" spans="2:6" s="4" customFormat="1" ht="29.25" customHeight="1" x14ac:dyDescent="0.25">
      <c r="B102" s="58" t="s">
        <v>170</v>
      </c>
      <c r="C102" s="88" t="s">
        <v>172</v>
      </c>
      <c r="D102" s="59"/>
      <c r="E102" s="177"/>
      <c r="F102" s="178"/>
    </row>
    <row r="103" spans="2:6" s="4" customFormat="1" ht="29.25" customHeight="1" x14ac:dyDescent="0.25">
      <c r="B103" s="58" t="s">
        <v>171</v>
      </c>
      <c r="C103" s="88" t="s">
        <v>360</v>
      </c>
      <c r="D103" s="59"/>
      <c r="E103" s="177"/>
      <c r="F103" s="178"/>
    </row>
    <row r="104" spans="2:6" s="4" customFormat="1" ht="29.25" customHeight="1" thickBot="1" x14ac:dyDescent="0.3">
      <c r="B104" s="184" t="s">
        <v>173</v>
      </c>
      <c r="C104" s="185"/>
      <c r="D104" s="52"/>
      <c r="E104" s="177"/>
      <c r="F104" s="178"/>
    </row>
    <row r="105" spans="2:6" s="4" customFormat="1" ht="71.25" customHeight="1" x14ac:dyDescent="0.25">
      <c r="B105" s="58" t="s">
        <v>174</v>
      </c>
      <c r="C105" s="69" t="s">
        <v>175</v>
      </c>
      <c r="D105" s="77"/>
      <c r="E105" s="177"/>
      <c r="F105" s="178"/>
    </row>
    <row r="106" spans="2:6" s="4" customFormat="1" ht="66" customHeight="1" x14ac:dyDescent="0.25">
      <c r="B106" s="58" t="s">
        <v>176</v>
      </c>
      <c r="C106" s="69" t="s">
        <v>177</v>
      </c>
      <c r="D106" s="77"/>
      <c r="E106" s="177"/>
      <c r="F106" s="178"/>
    </row>
    <row r="107" spans="2:6" s="4" customFormat="1" ht="29.25" customHeight="1" x14ac:dyDescent="0.25">
      <c r="B107" s="58" t="s">
        <v>179</v>
      </c>
      <c r="C107" s="69" t="s">
        <v>178</v>
      </c>
      <c r="D107" s="77"/>
      <c r="E107" s="177"/>
      <c r="F107" s="178"/>
    </row>
    <row r="108" spans="2:6" s="4" customFormat="1" ht="56.25" customHeight="1" x14ac:dyDescent="0.25">
      <c r="B108" s="58" t="s">
        <v>180</v>
      </c>
      <c r="C108" s="69" t="s">
        <v>368</v>
      </c>
      <c r="D108" s="77"/>
      <c r="E108" s="177"/>
      <c r="F108" s="178"/>
    </row>
    <row r="109" spans="2:6" s="4" customFormat="1" ht="29.25" customHeight="1" x14ac:dyDescent="0.25">
      <c r="B109" s="58" t="s">
        <v>181</v>
      </c>
      <c r="C109" s="69" t="s">
        <v>187</v>
      </c>
      <c r="D109" s="77"/>
      <c r="E109" s="177"/>
      <c r="F109" s="178"/>
    </row>
    <row r="110" spans="2:6" s="4" customFormat="1" ht="29.25" customHeight="1" x14ac:dyDescent="0.2">
      <c r="B110" s="58" t="s">
        <v>182</v>
      </c>
      <c r="C110" s="92" t="s">
        <v>361</v>
      </c>
      <c r="D110" s="77"/>
      <c r="E110" s="177"/>
      <c r="F110" s="178"/>
    </row>
    <row r="111" spans="2:6" s="4" customFormat="1" ht="29.25" customHeight="1" x14ac:dyDescent="0.25">
      <c r="B111" s="58" t="s">
        <v>183</v>
      </c>
      <c r="C111" s="69" t="s">
        <v>188</v>
      </c>
      <c r="D111" s="77"/>
      <c r="E111" s="177"/>
      <c r="F111" s="178"/>
    </row>
    <row r="112" spans="2:6" s="4" customFormat="1" ht="69" customHeight="1" x14ac:dyDescent="0.25">
      <c r="B112" s="58" t="s">
        <v>184</v>
      </c>
      <c r="C112" s="69" t="s">
        <v>189</v>
      </c>
      <c r="D112" s="77"/>
      <c r="E112" s="177"/>
      <c r="F112" s="178"/>
    </row>
    <row r="113" spans="2:6" s="4" customFormat="1" ht="48" customHeight="1" x14ac:dyDescent="0.25">
      <c r="B113" s="58" t="s">
        <v>185</v>
      </c>
      <c r="C113" s="69" t="s">
        <v>190</v>
      </c>
      <c r="D113" s="77"/>
      <c r="E113" s="177"/>
      <c r="F113" s="178"/>
    </row>
    <row r="114" spans="2:6" s="4" customFormat="1" ht="43.5" customHeight="1" x14ac:dyDescent="0.25">
      <c r="B114" s="49" t="s">
        <v>186</v>
      </c>
      <c r="C114" s="69" t="s">
        <v>291</v>
      </c>
      <c r="D114" s="77"/>
      <c r="E114" s="177"/>
      <c r="F114" s="178"/>
    </row>
    <row r="115" spans="2:6" s="4" customFormat="1" ht="29.25" customHeight="1" x14ac:dyDescent="0.25">
      <c r="B115" s="98" t="s">
        <v>210</v>
      </c>
      <c r="C115" s="104" t="s">
        <v>191</v>
      </c>
      <c r="D115" s="77"/>
      <c r="E115" s="177"/>
      <c r="F115" s="178"/>
    </row>
    <row r="116" spans="2:6" s="4" customFormat="1" ht="29.25" customHeight="1" x14ac:dyDescent="0.25">
      <c r="B116" s="79" t="s">
        <v>211</v>
      </c>
      <c r="C116" s="89" t="s">
        <v>272</v>
      </c>
      <c r="D116" s="77"/>
      <c r="E116" s="177"/>
      <c r="F116" s="178"/>
    </row>
    <row r="117" spans="2:6" s="4" customFormat="1" ht="29.25" customHeight="1" x14ac:dyDescent="0.25">
      <c r="B117" s="79" t="s">
        <v>212</v>
      </c>
      <c r="C117" s="87" t="s">
        <v>362</v>
      </c>
      <c r="D117" s="77"/>
      <c r="E117" s="177"/>
      <c r="F117" s="178"/>
    </row>
    <row r="118" spans="2:6" s="4" customFormat="1" ht="29.25" customHeight="1" x14ac:dyDescent="0.25">
      <c r="B118" s="79" t="s">
        <v>213</v>
      </c>
      <c r="C118" s="94" t="s">
        <v>194</v>
      </c>
      <c r="D118" s="77"/>
      <c r="E118" s="177"/>
      <c r="F118" s="178"/>
    </row>
    <row r="119" spans="2:6" s="4" customFormat="1" ht="29.25" customHeight="1" x14ac:dyDescent="0.25">
      <c r="B119" s="79" t="s">
        <v>214</v>
      </c>
      <c r="C119" s="87" t="s">
        <v>195</v>
      </c>
      <c r="D119" s="77"/>
      <c r="E119" s="177"/>
      <c r="F119" s="178"/>
    </row>
    <row r="120" spans="2:6" s="4" customFormat="1" ht="29.25" customHeight="1" x14ac:dyDescent="0.25">
      <c r="B120" s="79" t="s">
        <v>215</v>
      </c>
      <c r="C120" s="87" t="s">
        <v>196</v>
      </c>
      <c r="D120" s="77"/>
      <c r="E120" s="177"/>
      <c r="F120" s="178"/>
    </row>
    <row r="121" spans="2:6" s="4" customFormat="1" ht="69.75" customHeight="1" x14ac:dyDescent="0.25">
      <c r="B121" s="78" t="s">
        <v>216</v>
      </c>
      <c r="C121" s="95" t="s">
        <v>363</v>
      </c>
      <c r="D121" s="77"/>
      <c r="E121" s="177"/>
      <c r="F121" s="178"/>
    </row>
    <row r="122" spans="2:6" s="4" customFormat="1" ht="29.25" customHeight="1" x14ac:dyDescent="0.25">
      <c r="B122" s="78" t="s">
        <v>179</v>
      </c>
      <c r="C122" s="88" t="s">
        <v>192</v>
      </c>
      <c r="D122" s="77"/>
      <c r="E122" s="177"/>
      <c r="F122" s="178"/>
    </row>
    <row r="123" spans="2:6" s="4" customFormat="1" ht="29.25" customHeight="1" x14ac:dyDescent="0.25">
      <c r="B123" s="184" t="s">
        <v>217</v>
      </c>
      <c r="C123" s="185"/>
      <c r="D123" s="77"/>
      <c r="E123" s="177"/>
      <c r="F123" s="178"/>
    </row>
    <row r="124" spans="2:6" s="4" customFormat="1" ht="43.5" customHeight="1" x14ac:dyDescent="0.25">
      <c r="B124" s="78" t="s">
        <v>193</v>
      </c>
      <c r="C124" s="60" t="s">
        <v>198</v>
      </c>
      <c r="D124" s="77"/>
      <c r="E124" s="177"/>
      <c r="F124" s="178"/>
    </row>
    <row r="125" spans="2:6" s="4" customFormat="1" ht="44.25" customHeight="1" x14ac:dyDescent="0.25">
      <c r="B125" s="79" t="s">
        <v>219</v>
      </c>
      <c r="C125" s="60" t="s">
        <v>369</v>
      </c>
      <c r="D125" s="77"/>
      <c r="E125" s="177"/>
      <c r="F125" s="178"/>
    </row>
    <row r="126" spans="2:6" s="4" customFormat="1" ht="95.25" customHeight="1" x14ac:dyDescent="0.25">
      <c r="B126" s="79" t="s">
        <v>220</v>
      </c>
      <c r="C126" s="60" t="s">
        <v>370</v>
      </c>
      <c r="D126" s="77"/>
      <c r="E126" s="177"/>
      <c r="F126" s="178"/>
    </row>
    <row r="127" spans="2:6" s="4" customFormat="1" ht="29.25" customHeight="1" x14ac:dyDescent="0.25">
      <c r="B127" s="96" t="s">
        <v>218</v>
      </c>
      <c r="C127" s="105" t="s">
        <v>200</v>
      </c>
      <c r="D127" s="77"/>
      <c r="E127" s="177"/>
      <c r="F127" s="178"/>
    </row>
    <row r="128" spans="2:6" s="4" customFormat="1" ht="29.45" customHeight="1" x14ac:dyDescent="0.25">
      <c r="B128" s="79" t="s">
        <v>221</v>
      </c>
      <c r="C128" s="60" t="s">
        <v>202</v>
      </c>
      <c r="D128" s="77"/>
      <c r="E128" s="177"/>
      <c r="F128" s="178"/>
    </row>
    <row r="129" spans="2:6" s="4" customFormat="1" ht="29.45" customHeight="1" x14ac:dyDescent="0.25">
      <c r="B129" s="79" t="s">
        <v>222</v>
      </c>
      <c r="C129" s="60" t="s">
        <v>201</v>
      </c>
      <c r="D129" s="77"/>
      <c r="E129" s="177"/>
      <c r="F129" s="178"/>
    </row>
    <row r="130" spans="2:6" s="4" customFormat="1" ht="29.45" customHeight="1" x14ac:dyDescent="0.25">
      <c r="B130" s="79" t="s">
        <v>223</v>
      </c>
      <c r="C130" s="60" t="s">
        <v>203</v>
      </c>
      <c r="D130" s="77"/>
      <c r="E130" s="177"/>
      <c r="F130" s="178"/>
    </row>
    <row r="131" spans="2:6" s="4" customFormat="1" ht="29.45" customHeight="1" x14ac:dyDescent="0.25">
      <c r="B131" s="79" t="s">
        <v>224</v>
      </c>
      <c r="C131" s="60" t="s">
        <v>204</v>
      </c>
      <c r="D131" s="77"/>
      <c r="E131" s="177"/>
      <c r="F131" s="178"/>
    </row>
    <row r="132" spans="2:6" s="4" customFormat="1" ht="29.45" customHeight="1" x14ac:dyDescent="0.25">
      <c r="B132" s="79" t="s">
        <v>225</v>
      </c>
      <c r="C132" s="60" t="s">
        <v>205</v>
      </c>
      <c r="D132" s="77"/>
      <c r="E132" s="177"/>
      <c r="F132" s="178"/>
    </row>
    <row r="133" spans="2:6" s="4" customFormat="1" ht="29.45" customHeight="1" x14ac:dyDescent="0.25">
      <c r="B133" s="79" t="s">
        <v>226</v>
      </c>
      <c r="C133" s="60" t="s">
        <v>206</v>
      </c>
      <c r="D133" s="77"/>
      <c r="E133" s="177"/>
      <c r="F133" s="178"/>
    </row>
    <row r="134" spans="2:6" s="4" customFormat="1" ht="29.45" customHeight="1" x14ac:dyDescent="0.25">
      <c r="B134" s="79" t="s">
        <v>227</v>
      </c>
      <c r="C134" s="60" t="s">
        <v>207</v>
      </c>
      <c r="D134" s="77"/>
      <c r="E134" s="177"/>
      <c r="F134" s="178"/>
    </row>
    <row r="135" spans="2:6" s="4" customFormat="1" ht="29.45" customHeight="1" x14ac:dyDescent="0.25">
      <c r="B135" s="79" t="s">
        <v>228</v>
      </c>
      <c r="C135" s="60" t="s">
        <v>208</v>
      </c>
      <c r="D135" s="77"/>
      <c r="E135" s="177"/>
      <c r="F135" s="178"/>
    </row>
    <row r="136" spans="2:6" s="4" customFormat="1" ht="29.25" customHeight="1" x14ac:dyDescent="0.25">
      <c r="B136" s="79" t="s">
        <v>229</v>
      </c>
      <c r="C136" s="97" t="s">
        <v>209</v>
      </c>
      <c r="D136" s="77"/>
      <c r="E136" s="177"/>
      <c r="F136" s="178"/>
    </row>
    <row r="137" spans="2:6" s="4" customFormat="1" ht="29.25" customHeight="1" x14ac:dyDescent="0.25">
      <c r="B137" s="184" t="s">
        <v>230</v>
      </c>
      <c r="C137" s="185"/>
      <c r="D137" s="77"/>
      <c r="E137" s="177"/>
      <c r="F137" s="178"/>
    </row>
    <row r="138" spans="2:6" s="4" customFormat="1" ht="29.25" customHeight="1" x14ac:dyDescent="0.25">
      <c r="B138" s="78" t="s">
        <v>197</v>
      </c>
      <c r="C138" s="99" t="s">
        <v>231</v>
      </c>
      <c r="D138" s="77"/>
      <c r="E138" s="177"/>
      <c r="F138" s="178"/>
    </row>
    <row r="139" spans="2:6" s="4" customFormat="1" ht="29.25" customHeight="1" x14ac:dyDescent="0.25">
      <c r="B139" s="78" t="s">
        <v>199</v>
      </c>
      <c r="C139" s="88" t="s">
        <v>232</v>
      </c>
      <c r="D139" s="77"/>
      <c r="E139" s="177"/>
      <c r="F139" s="178"/>
    </row>
    <row r="140" spans="2:6" s="4" customFormat="1" ht="29.25" customHeight="1" x14ac:dyDescent="0.25">
      <c r="B140" s="78" t="s">
        <v>233</v>
      </c>
      <c r="C140" s="88" t="s">
        <v>273</v>
      </c>
      <c r="D140" s="77"/>
      <c r="E140" s="177"/>
      <c r="F140" s="178"/>
    </row>
    <row r="141" spans="2:6" s="4" customFormat="1" ht="29.25" customHeight="1" x14ac:dyDescent="0.25">
      <c r="B141" s="78" t="s">
        <v>234</v>
      </c>
      <c r="C141" s="88" t="s">
        <v>236</v>
      </c>
      <c r="D141" s="77"/>
      <c r="E141" s="177"/>
      <c r="F141" s="178"/>
    </row>
    <row r="142" spans="2:6" s="4" customFormat="1" ht="29.25" customHeight="1" x14ac:dyDescent="0.25">
      <c r="B142" s="78" t="s">
        <v>235</v>
      </c>
      <c r="C142" s="69" t="s">
        <v>237</v>
      </c>
      <c r="D142" s="77"/>
      <c r="E142" s="177"/>
      <c r="F142" s="178"/>
    </row>
    <row r="143" spans="2:6" s="4" customFormat="1" ht="29.25" customHeight="1" x14ac:dyDescent="0.25">
      <c r="B143" s="78" t="s">
        <v>238</v>
      </c>
      <c r="C143" s="69" t="s">
        <v>292</v>
      </c>
      <c r="D143" s="77"/>
      <c r="E143" s="177"/>
      <c r="F143" s="178"/>
    </row>
    <row r="144" spans="2:6" s="4" customFormat="1" ht="29.25" customHeight="1" x14ac:dyDescent="0.25">
      <c r="B144" s="184" t="s">
        <v>239</v>
      </c>
      <c r="C144" s="185"/>
      <c r="D144" s="77"/>
      <c r="E144" s="177"/>
      <c r="F144" s="178"/>
    </row>
    <row r="145" spans="2:6" s="4" customFormat="1" ht="56.25" customHeight="1" x14ac:dyDescent="0.25">
      <c r="B145" s="78" t="s">
        <v>240</v>
      </c>
      <c r="C145" s="69" t="s">
        <v>255</v>
      </c>
      <c r="D145" s="77"/>
      <c r="E145" s="177"/>
      <c r="F145" s="178"/>
    </row>
    <row r="146" spans="2:6" s="4" customFormat="1" ht="42" customHeight="1" x14ac:dyDescent="0.25">
      <c r="B146" s="78" t="s">
        <v>241</v>
      </c>
      <c r="C146" s="69" t="s">
        <v>274</v>
      </c>
      <c r="D146" s="77"/>
      <c r="E146" s="177"/>
      <c r="F146" s="178"/>
    </row>
    <row r="147" spans="2:6" s="4" customFormat="1" ht="29.25" customHeight="1" x14ac:dyDescent="0.25">
      <c r="B147" s="78" t="s">
        <v>242</v>
      </c>
      <c r="C147" s="88" t="s">
        <v>266</v>
      </c>
      <c r="D147" s="77"/>
      <c r="E147" s="177"/>
      <c r="F147" s="178"/>
    </row>
    <row r="148" spans="2:6" s="4" customFormat="1" ht="29.25" customHeight="1" x14ac:dyDescent="0.25">
      <c r="B148" s="78" t="s">
        <v>243</v>
      </c>
      <c r="C148" s="88" t="s">
        <v>267</v>
      </c>
      <c r="D148" s="77"/>
      <c r="E148" s="177"/>
      <c r="F148" s="178"/>
    </row>
    <row r="149" spans="2:6" s="4" customFormat="1" ht="29.25" customHeight="1" x14ac:dyDescent="0.25">
      <c r="B149" s="78" t="s">
        <v>244</v>
      </c>
      <c r="C149" s="88" t="s">
        <v>268</v>
      </c>
      <c r="D149" s="77"/>
      <c r="E149" s="177"/>
      <c r="F149" s="178"/>
    </row>
    <row r="150" spans="2:6" s="4" customFormat="1" ht="29.25" customHeight="1" x14ac:dyDescent="0.25">
      <c r="B150" s="78" t="s">
        <v>245</v>
      </c>
      <c r="C150" s="88" t="s">
        <v>256</v>
      </c>
      <c r="D150" s="77"/>
      <c r="E150" s="177"/>
      <c r="F150" s="178"/>
    </row>
    <row r="151" spans="2:6" s="4" customFormat="1" ht="29.25" customHeight="1" x14ac:dyDescent="0.25">
      <c r="B151" s="78" t="s">
        <v>246</v>
      </c>
      <c r="C151" s="88" t="s">
        <v>257</v>
      </c>
      <c r="D151" s="77"/>
      <c r="E151" s="177"/>
      <c r="F151" s="178"/>
    </row>
    <row r="152" spans="2:6" s="4" customFormat="1" ht="29.25" customHeight="1" x14ac:dyDescent="0.25">
      <c r="B152" s="78" t="s">
        <v>247</v>
      </c>
      <c r="C152" s="88" t="s">
        <v>258</v>
      </c>
      <c r="D152" s="77"/>
      <c r="E152" s="177"/>
      <c r="F152" s="178"/>
    </row>
    <row r="153" spans="2:6" s="4" customFormat="1" ht="29.25" customHeight="1" x14ac:dyDescent="0.25">
      <c r="B153" s="78" t="s">
        <v>248</v>
      </c>
      <c r="C153" s="88" t="s">
        <v>259</v>
      </c>
      <c r="D153" s="77"/>
      <c r="E153" s="177"/>
      <c r="F153" s="178"/>
    </row>
    <row r="154" spans="2:6" s="4" customFormat="1" ht="29.25" customHeight="1" x14ac:dyDescent="0.25">
      <c r="B154" s="78" t="s">
        <v>249</v>
      </c>
      <c r="C154" s="69" t="s">
        <v>260</v>
      </c>
      <c r="D154" s="77"/>
      <c r="E154" s="177"/>
      <c r="F154" s="178"/>
    </row>
    <row r="155" spans="2:6" s="4" customFormat="1" ht="29.25" customHeight="1" x14ac:dyDescent="0.25">
      <c r="B155" s="78" t="s">
        <v>250</v>
      </c>
      <c r="C155" s="88" t="s">
        <v>261</v>
      </c>
      <c r="D155" s="77"/>
      <c r="E155" s="177"/>
      <c r="F155" s="178"/>
    </row>
    <row r="156" spans="2:6" s="4" customFormat="1" ht="29.25" customHeight="1" x14ac:dyDescent="0.25">
      <c r="B156" s="78" t="s">
        <v>251</v>
      </c>
      <c r="C156" s="88" t="s">
        <v>262</v>
      </c>
      <c r="D156" s="77"/>
      <c r="E156" s="177"/>
      <c r="F156" s="178"/>
    </row>
    <row r="157" spans="2:6" s="4" customFormat="1" ht="29.25" customHeight="1" x14ac:dyDescent="0.25">
      <c r="B157" s="78" t="s">
        <v>252</v>
      </c>
      <c r="C157" s="88" t="s">
        <v>265</v>
      </c>
      <c r="D157" s="77"/>
      <c r="E157" s="177"/>
      <c r="F157" s="178"/>
    </row>
    <row r="158" spans="2:6" s="4" customFormat="1" ht="28.5" customHeight="1" x14ac:dyDescent="0.25">
      <c r="B158" s="78" t="s">
        <v>253</v>
      </c>
      <c r="C158" s="88" t="s">
        <v>263</v>
      </c>
      <c r="D158" s="77"/>
      <c r="E158" s="177"/>
      <c r="F158" s="178"/>
    </row>
    <row r="159" spans="2:6" s="4" customFormat="1" ht="29.25" customHeight="1" x14ac:dyDescent="0.25">
      <c r="B159" s="78" t="s">
        <v>254</v>
      </c>
      <c r="C159" s="88" t="s">
        <v>264</v>
      </c>
      <c r="D159" s="77"/>
      <c r="E159" s="177"/>
      <c r="F159" s="178"/>
    </row>
    <row r="160" spans="2:6" s="4" customFormat="1" ht="29.25" customHeight="1" x14ac:dyDescent="0.25">
      <c r="B160" s="186" t="s">
        <v>275</v>
      </c>
      <c r="C160" s="187"/>
      <c r="D160" s="77"/>
      <c r="E160" s="177"/>
      <c r="F160" s="178"/>
    </row>
    <row r="161" spans="2:6" s="4" customFormat="1" ht="29.25" customHeight="1" x14ac:dyDescent="0.25">
      <c r="B161" s="78" t="s">
        <v>277</v>
      </c>
      <c r="C161" s="69" t="s">
        <v>283</v>
      </c>
      <c r="D161" s="77"/>
      <c r="E161" s="177"/>
      <c r="F161" s="178"/>
    </row>
    <row r="162" spans="2:6" s="4" customFormat="1" ht="29.25" customHeight="1" x14ac:dyDescent="0.25">
      <c r="B162" s="78" t="s">
        <v>278</v>
      </c>
      <c r="C162" s="69" t="s">
        <v>284</v>
      </c>
      <c r="D162" s="77"/>
      <c r="E162" s="177"/>
      <c r="F162" s="178"/>
    </row>
    <row r="163" spans="2:6" s="4" customFormat="1" ht="42" customHeight="1" x14ac:dyDescent="0.25">
      <c r="B163" s="78" t="s">
        <v>279</v>
      </c>
      <c r="C163" s="69" t="s">
        <v>293</v>
      </c>
      <c r="D163" s="77"/>
      <c r="E163" s="177"/>
      <c r="F163" s="178"/>
    </row>
    <row r="164" spans="2:6" s="4" customFormat="1" ht="53.25" customHeight="1" x14ac:dyDescent="0.25">
      <c r="B164" s="78" t="s">
        <v>280</v>
      </c>
      <c r="C164" s="127" t="s">
        <v>380</v>
      </c>
      <c r="D164" s="77"/>
      <c r="E164" s="177"/>
      <c r="F164" s="178"/>
    </row>
    <row r="165" spans="2:6" s="4" customFormat="1" ht="170.25" customHeight="1" x14ac:dyDescent="0.25">
      <c r="B165" s="78" t="s">
        <v>281</v>
      </c>
      <c r="C165" s="126" t="s">
        <v>365</v>
      </c>
      <c r="D165" s="77"/>
      <c r="E165" s="177"/>
      <c r="F165" s="178"/>
    </row>
    <row r="166" spans="2:6" s="4" customFormat="1" ht="105.75" customHeight="1" x14ac:dyDescent="0.25">
      <c r="B166" s="78" t="s">
        <v>282</v>
      </c>
      <c r="C166" s="100" t="s">
        <v>276</v>
      </c>
      <c r="D166" s="77"/>
      <c r="E166" s="177"/>
      <c r="F166" s="178"/>
    </row>
    <row r="167" spans="2:6" s="4" customFormat="1" ht="66" customHeight="1" x14ac:dyDescent="0.2">
      <c r="B167" s="78" t="s">
        <v>353</v>
      </c>
      <c r="C167" s="124" t="s">
        <v>371</v>
      </c>
      <c r="D167" s="77"/>
      <c r="E167" s="177"/>
      <c r="F167" s="178"/>
    </row>
    <row r="168" spans="2:6" s="4" customFormat="1" ht="29.25" customHeight="1" x14ac:dyDescent="0.25">
      <c r="B168" s="78" t="s">
        <v>354</v>
      </c>
      <c r="C168" s="123" t="s">
        <v>351</v>
      </c>
      <c r="D168" s="44"/>
      <c r="E168" s="177"/>
      <c r="F168" s="178"/>
    </row>
    <row r="169" spans="2:6" s="4" customFormat="1" ht="29.25" customHeight="1" x14ac:dyDescent="0.25">
      <c r="B169" s="78" t="s">
        <v>364</v>
      </c>
      <c r="C169" s="123" t="s">
        <v>372</v>
      </c>
      <c r="D169" s="44"/>
      <c r="E169" s="177"/>
      <c r="F169" s="178"/>
    </row>
    <row r="170" spans="2:6" s="4" customFormat="1" ht="29.25" customHeight="1" x14ac:dyDescent="0.25">
      <c r="B170" s="125" t="s">
        <v>355</v>
      </c>
      <c r="C170" s="123" t="s">
        <v>373</v>
      </c>
      <c r="D170" s="44"/>
      <c r="E170" s="177"/>
      <c r="F170" s="178"/>
    </row>
    <row r="171" spans="2:6" s="4" customFormat="1" ht="29.25" customHeight="1" x14ac:dyDescent="0.25">
      <c r="B171" s="125" t="s">
        <v>356</v>
      </c>
      <c r="C171" s="123" t="s">
        <v>352</v>
      </c>
      <c r="D171" s="44"/>
      <c r="E171" s="177"/>
      <c r="F171" s="178"/>
    </row>
    <row r="172" spans="2:6" s="4" customFormat="1" ht="29.25" customHeight="1" x14ac:dyDescent="0.25">
      <c r="B172" s="174" t="s">
        <v>460</v>
      </c>
      <c r="C172" s="175"/>
      <c r="D172" s="175"/>
      <c r="E172" s="175"/>
      <c r="F172" s="176"/>
    </row>
    <row r="173" spans="2:6" s="4" customFormat="1" ht="29.25" customHeight="1" x14ac:dyDescent="0.25">
      <c r="B173" s="139" t="s">
        <v>14</v>
      </c>
      <c r="C173" s="137" t="s">
        <v>381</v>
      </c>
      <c r="D173" s="136"/>
      <c r="E173" s="177"/>
      <c r="F173" s="178"/>
    </row>
    <row r="174" spans="2:6" s="4" customFormat="1" ht="29.25" customHeight="1" x14ac:dyDescent="0.25">
      <c r="B174" s="139" t="s">
        <v>382</v>
      </c>
      <c r="C174" s="138" t="s">
        <v>385</v>
      </c>
      <c r="D174" s="136"/>
      <c r="E174" s="131"/>
      <c r="F174" s="132"/>
    </row>
    <row r="175" spans="2:6" s="4" customFormat="1" ht="29.25" customHeight="1" x14ac:dyDescent="0.25">
      <c r="B175" s="139" t="s">
        <v>395</v>
      </c>
      <c r="C175" s="138" t="s">
        <v>386</v>
      </c>
      <c r="D175" s="136"/>
      <c r="E175" s="131"/>
      <c r="F175" s="132"/>
    </row>
    <row r="176" spans="2:6" s="4" customFormat="1" ht="29.25" customHeight="1" x14ac:dyDescent="0.25">
      <c r="B176" s="139" t="s">
        <v>396</v>
      </c>
      <c r="C176" s="138" t="s">
        <v>383</v>
      </c>
      <c r="D176" s="136"/>
      <c r="E176" s="131"/>
      <c r="F176" s="132"/>
    </row>
    <row r="177" spans="2:6" s="4" customFormat="1" ht="29.25" customHeight="1" x14ac:dyDescent="0.25">
      <c r="B177" s="139" t="s">
        <v>397</v>
      </c>
      <c r="C177" s="138" t="s">
        <v>387</v>
      </c>
      <c r="D177" s="136"/>
      <c r="E177" s="131"/>
      <c r="F177" s="132"/>
    </row>
    <row r="178" spans="2:6" s="4" customFormat="1" ht="29.25" customHeight="1" x14ac:dyDescent="0.25">
      <c r="B178" s="139" t="s">
        <v>398</v>
      </c>
      <c r="C178" s="95" t="s">
        <v>388</v>
      </c>
      <c r="D178" s="136"/>
      <c r="E178" s="131"/>
      <c r="F178" s="132"/>
    </row>
    <row r="179" spans="2:6" s="4" customFormat="1" ht="29.25" customHeight="1" x14ac:dyDescent="0.25">
      <c r="B179" s="139" t="s">
        <v>399</v>
      </c>
      <c r="C179" s="99" t="s">
        <v>389</v>
      </c>
      <c r="D179" s="136"/>
      <c r="E179" s="131"/>
      <c r="F179" s="132"/>
    </row>
    <row r="180" spans="2:6" s="4" customFormat="1" ht="29.25" customHeight="1" x14ac:dyDescent="0.25">
      <c r="B180" s="139" t="s">
        <v>400</v>
      </c>
      <c r="C180" s="99" t="s">
        <v>390</v>
      </c>
      <c r="D180" s="136"/>
      <c r="E180" s="131"/>
      <c r="F180" s="132"/>
    </row>
    <row r="181" spans="2:6" s="4" customFormat="1" ht="29.25" customHeight="1" x14ac:dyDescent="0.25">
      <c r="B181" s="139" t="s">
        <v>401</v>
      </c>
      <c r="C181" s="138" t="s">
        <v>384</v>
      </c>
      <c r="D181" s="136"/>
      <c r="E181" s="131"/>
      <c r="F181" s="132"/>
    </row>
    <row r="182" spans="2:6" s="4" customFormat="1" ht="29.25" customHeight="1" x14ac:dyDescent="0.25">
      <c r="B182" s="139" t="s">
        <v>402</v>
      </c>
      <c r="C182" s="138" t="s">
        <v>391</v>
      </c>
      <c r="D182" s="136"/>
      <c r="E182" s="131"/>
      <c r="F182" s="132"/>
    </row>
    <row r="183" spans="2:6" s="4" customFormat="1" ht="29.25" customHeight="1" x14ac:dyDescent="0.25">
      <c r="B183" s="139" t="s">
        <v>403</v>
      </c>
      <c r="C183" s="138" t="s">
        <v>392</v>
      </c>
      <c r="D183" s="136"/>
      <c r="E183" s="131"/>
      <c r="F183" s="132"/>
    </row>
    <row r="184" spans="2:6" s="4" customFormat="1" ht="29.25" customHeight="1" x14ac:dyDescent="0.25">
      <c r="B184" s="139" t="s">
        <v>404</v>
      </c>
      <c r="C184" s="138" t="s">
        <v>393</v>
      </c>
      <c r="D184" s="136"/>
      <c r="E184" s="131"/>
      <c r="F184" s="132"/>
    </row>
    <row r="185" spans="2:6" s="4" customFormat="1" ht="29.25" customHeight="1" thickBot="1" x14ac:dyDescent="0.3">
      <c r="B185" s="152" t="s">
        <v>297</v>
      </c>
      <c r="C185" s="153" t="s">
        <v>394</v>
      </c>
      <c r="D185" s="154"/>
      <c r="E185" s="155"/>
      <c r="F185" s="156"/>
    </row>
    <row r="186" spans="2:6" s="2" customFormat="1" ht="5.0999999999999996" customHeight="1" x14ac:dyDescent="0.25">
      <c r="B186" s="15"/>
      <c r="C186" s="3"/>
      <c r="D186" s="74"/>
      <c r="E186" s="74"/>
      <c r="F186" s="74"/>
    </row>
    <row r="187" spans="2:6" s="2" customFormat="1" ht="20.100000000000001" customHeight="1" x14ac:dyDescent="0.25">
      <c r="B187" s="183" t="s">
        <v>45</v>
      </c>
      <c r="C187" s="183"/>
      <c r="D187" s="183"/>
      <c r="E187" s="183"/>
      <c r="F187" s="183"/>
    </row>
    <row r="188" spans="2:6" s="2" customFormat="1" ht="5.0999999999999996" customHeight="1" thickBot="1" x14ac:dyDescent="0.3">
      <c r="B188" s="15"/>
      <c r="C188" s="3"/>
      <c r="D188" s="6"/>
      <c r="E188" s="6"/>
      <c r="F188" s="6"/>
    </row>
    <row r="189" spans="2:6" s="3" customFormat="1" ht="87.75" customHeight="1" x14ac:dyDescent="0.25">
      <c r="B189" s="191" t="s">
        <v>7</v>
      </c>
      <c r="C189" s="192"/>
      <c r="D189" s="197" t="s">
        <v>28</v>
      </c>
      <c r="E189" s="198"/>
      <c r="F189" s="199"/>
    </row>
    <row r="190" spans="2:6" s="3" customFormat="1" ht="30" customHeight="1" thickBot="1" x14ac:dyDescent="0.3">
      <c r="B190" s="193"/>
      <c r="C190" s="194"/>
      <c r="D190" s="23" t="s">
        <v>6</v>
      </c>
      <c r="E190" s="200" t="s">
        <v>29</v>
      </c>
      <c r="F190" s="201"/>
    </row>
    <row r="191" spans="2:6" s="2" customFormat="1" ht="34.5" customHeight="1" x14ac:dyDescent="0.25">
      <c r="B191" s="231" t="s">
        <v>458</v>
      </c>
      <c r="C191" s="232"/>
      <c r="D191" s="44"/>
      <c r="E191" s="204"/>
      <c r="F191" s="205"/>
    </row>
    <row r="192" spans="2:6" s="2" customFormat="1" ht="24.95" customHeight="1" x14ac:dyDescent="0.25">
      <c r="B192" s="76" t="s">
        <v>14</v>
      </c>
      <c r="C192" s="140" t="s">
        <v>321</v>
      </c>
      <c r="D192" s="44"/>
      <c r="E192" s="179"/>
      <c r="F192" s="180"/>
    </row>
    <row r="193" spans="2:6" s="2" customFormat="1" ht="24.95" customHeight="1" x14ac:dyDescent="0.25">
      <c r="B193" s="118" t="s">
        <v>54</v>
      </c>
      <c r="C193" s="109" t="s">
        <v>322</v>
      </c>
      <c r="D193" s="44"/>
      <c r="E193" s="179"/>
      <c r="F193" s="180"/>
    </row>
    <row r="194" spans="2:6" s="2" customFormat="1" ht="40.5" customHeight="1" x14ac:dyDescent="0.25">
      <c r="B194" s="167" t="s">
        <v>98</v>
      </c>
      <c r="C194" s="110" t="s">
        <v>415</v>
      </c>
      <c r="D194" s="44"/>
      <c r="E194" s="72"/>
      <c r="F194" s="73"/>
    </row>
    <row r="195" spans="2:6" s="2" customFormat="1" ht="26.25" customHeight="1" x14ac:dyDescent="0.25">
      <c r="B195" s="167" t="s">
        <v>99</v>
      </c>
      <c r="C195" s="110" t="s">
        <v>323</v>
      </c>
      <c r="D195" s="44"/>
      <c r="E195" s="72"/>
      <c r="F195" s="73"/>
    </row>
    <row r="196" spans="2:6" s="2" customFormat="1" ht="24.95" customHeight="1" x14ac:dyDescent="0.25">
      <c r="B196" s="167" t="s">
        <v>100</v>
      </c>
      <c r="C196" s="110" t="s">
        <v>324</v>
      </c>
      <c r="D196" s="44"/>
      <c r="E196" s="72"/>
      <c r="F196" s="73"/>
    </row>
    <row r="197" spans="2:6" s="2" customFormat="1" ht="48" customHeight="1" x14ac:dyDescent="0.25">
      <c r="B197" s="167" t="s">
        <v>101</v>
      </c>
      <c r="C197" s="110" t="s">
        <v>325</v>
      </c>
      <c r="D197" s="44"/>
      <c r="E197" s="72"/>
      <c r="F197" s="73"/>
    </row>
    <row r="198" spans="2:6" s="2" customFormat="1" ht="47.25" customHeight="1" x14ac:dyDescent="0.25">
      <c r="B198" s="167" t="s">
        <v>295</v>
      </c>
      <c r="C198" s="110" t="s">
        <v>326</v>
      </c>
      <c r="D198" s="44"/>
      <c r="E198" s="72"/>
      <c r="F198" s="73"/>
    </row>
    <row r="199" spans="2:6" s="2" customFormat="1" ht="103.5" customHeight="1" x14ac:dyDescent="0.25">
      <c r="B199" s="168" t="s">
        <v>296</v>
      </c>
      <c r="C199" s="119" t="s">
        <v>327</v>
      </c>
      <c r="D199" s="44"/>
      <c r="E199" s="72"/>
      <c r="F199" s="73"/>
    </row>
    <row r="200" spans="2:6" s="2" customFormat="1" ht="82.5" customHeight="1" x14ac:dyDescent="0.25">
      <c r="B200" s="43" t="s">
        <v>55</v>
      </c>
      <c r="C200" s="111" t="s">
        <v>412</v>
      </c>
      <c r="D200" s="44"/>
      <c r="E200" s="72"/>
      <c r="F200" s="73"/>
    </row>
    <row r="201" spans="2:6" s="2" customFormat="1" ht="80.25" customHeight="1" x14ac:dyDescent="0.25">
      <c r="B201" s="43" t="s">
        <v>56</v>
      </c>
      <c r="C201" s="111" t="s">
        <v>328</v>
      </c>
      <c r="D201" s="44"/>
      <c r="E201" s="72"/>
      <c r="F201" s="73"/>
    </row>
    <row r="202" spans="2:6" s="2" customFormat="1" ht="84.75" customHeight="1" x14ac:dyDescent="0.25">
      <c r="B202" s="43" t="s">
        <v>57</v>
      </c>
      <c r="C202" s="111" t="s">
        <v>329</v>
      </c>
      <c r="D202" s="44"/>
      <c r="E202" s="72"/>
      <c r="F202" s="73"/>
    </row>
    <row r="203" spans="2:6" s="2" customFormat="1" ht="105" customHeight="1" x14ac:dyDescent="0.25">
      <c r="B203" s="43" t="s">
        <v>58</v>
      </c>
      <c r="C203" s="111" t="s">
        <v>330</v>
      </c>
      <c r="D203" s="44"/>
      <c r="E203" s="72"/>
      <c r="F203" s="73"/>
    </row>
    <row r="204" spans="2:6" s="2" customFormat="1" ht="85.5" customHeight="1" x14ac:dyDescent="0.25">
      <c r="B204" s="43" t="s">
        <v>64</v>
      </c>
      <c r="C204" s="102" t="s">
        <v>331</v>
      </c>
      <c r="D204" s="44"/>
      <c r="E204" s="72"/>
      <c r="F204" s="73"/>
    </row>
    <row r="205" spans="2:6" s="2" customFormat="1" ht="82.5" customHeight="1" x14ac:dyDescent="0.25">
      <c r="B205" s="43" t="s">
        <v>59</v>
      </c>
      <c r="C205" s="111" t="s">
        <v>332</v>
      </c>
      <c r="D205" s="44"/>
      <c r="E205" s="72"/>
      <c r="F205" s="73"/>
    </row>
    <row r="206" spans="2:6" s="2" customFormat="1" ht="21.75" customHeight="1" x14ac:dyDescent="0.25">
      <c r="B206" s="43" t="s">
        <v>60</v>
      </c>
      <c r="C206" s="102" t="s">
        <v>333</v>
      </c>
      <c r="D206" s="44"/>
      <c r="E206" s="72"/>
      <c r="F206" s="73"/>
    </row>
    <row r="207" spans="2:6" s="2" customFormat="1" ht="32.25" customHeight="1" x14ac:dyDescent="0.25">
      <c r="B207" s="43" t="s">
        <v>61</v>
      </c>
      <c r="C207" s="69" t="s">
        <v>334</v>
      </c>
      <c r="D207" s="44"/>
      <c r="E207" s="72"/>
      <c r="F207" s="73"/>
    </row>
    <row r="208" spans="2:6" s="2" customFormat="1" ht="34.5" customHeight="1" x14ac:dyDescent="0.25">
      <c r="B208" s="43" t="s">
        <v>62</v>
      </c>
      <c r="C208" s="117" t="s">
        <v>335</v>
      </c>
      <c r="D208" s="44"/>
      <c r="E208" s="72"/>
      <c r="F208" s="73"/>
    </row>
    <row r="209" spans="2:6" s="2" customFormat="1" ht="32.25" customHeight="1" x14ac:dyDescent="0.25">
      <c r="B209" s="107" t="s">
        <v>65</v>
      </c>
      <c r="C209" s="111" t="s">
        <v>411</v>
      </c>
      <c r="D209" s="44"/>
      <c r="E209" s="72"/>
      <c r="F209" s="73"/>
    </row>
    <row r="210" spans="2:6" s="2" customFormat="1" ht="135.75" customHeight="1" x14ac:dyDescent="0.25">
      <c r="B210" s="106" t="s">
        <v>297</v>
      </c>
      <c r="C210" s="69" t="s">
        <v>374</v>
      </c>
      <c r="D210" s="44"/>
      <c r="E210" s="72"/>
      <c r="F210" s="73"/>
    </row>
    <row r="211" spans="2:6" s="2" customFormat="1" ht="68.25" customHeight="1" x14ac:dyDescent="0.25">
      <c r="B211" s="43" t="s">
        <v>298</v>
      </c>
      <c r="C211" s="117" t="s">
        <v>375</v>
      </c>
      <c r="D211" s="44"/>
      <c r="E211" s="72"/>
      <c r="F211" s="73"/>
    </row>
    <row r="212" spans="2:6" s="2" customFormat="1" ht="32.25" customHeight="1" x14ac:dyDescent="0.25">
      <c r="B212" s="43" t="s">
        <v>299</v>
      </c>
      <c r="C212" s="111" t="s">
        <v>422</v>
      </c>
      <c r="D212" s="44"/>
      <c r="E212" s="72"/>
      <c r="F212" s="73"/>
    </row>
    <row r="213" spans="2:6" s="2" customFormat="1" ht="32.25" customHeight="1" x14ac:dyDescent="0.25">
      <c r="B213" s="43" t="s">
        <v>300</v>
      </c>
      <c r="C213" s="111" t="s">
        <v>337</v>
      </c>
      <c r="D213" s="44"/>
      <c r="E213" s="72"/>
      <c r="F213" s="73"/>
    </row>
    <row r="214" spans="2:6" s="2" customFormat="1" ht="59.25" customHeight="1" x14ac:dyDescent="0.25">
      <c r="B214" s="43" t="s">
        <v>301</v>
      </c>
      <c r="C214" s="111" t="s">
        <v>376</v>
      </c>
      <c r="D214" s="44"/>
      <c r="E214" s="72"/>
      <c r="F214" s="73"/>
    </row>
    <row r="215" spans="2:6" s="2" customFormat="1" ht="30.75" customHeight="1" x14ac:dyDescent="0.25">
      <c r="B215" s="43" t="s">
        <v>302</v>
      </c>
      <c r="C215" s="111" t="s">
        <v>338</v>
      </c>
      <c r="D215" s="44"/>
      <c r="E215" s="72"/>
      <c r="F215" s="73"/>
    </row>
    <row r="216" spans="2:6" s="2" customFormat="1" ht="58.5" customHeight="1" x14ac:dyDescent="0.25">
      <c r="B216" s="107" t="s">
        <v>303</v>
      </c>
      <c r="C216" s="111" t="s">
        <v>339</v>
      </c>
      <c r="D216" s="44"/>
      <c r="E216" s="72"/>
      <c r="F216" s="73"/>
    </row>
    <row r="217" spans="2:6" s="2" customFormat="1" ht="42.75" customHeight="1" x14ac:dyDescent="0.25">
      <c r="B217" s="107" t="s">
        <v>304</v>
      </c>
      <c r="C217" s="111" t="s">
        <v>340</v>
      </c>
      <c r="D217" s="44"/>
      <c r="E217" s="72"/>
      <c r="F217" s="73"/>
    </row>
    <row r="218" spans="2:6" s="2" customFormat="1" ht="84" customHeight="1" x14ac:dyDescent="0.25">
      <c r="B218" s="107" t="s">
        <v>305</v>
      </c>
      <c r="C218" s="111" t="s">
        <v>341</v>
      </c>
      <c r="D218" s="44"/>
      <c r="E218" s="72"/>
      <c r="F218" s="73"/>
    </row>
    <row r="219" spans="2:6" s="2" customFormat="1" ht="46.5" customHeight="1" x14ac:dyDescent="0.25">
      <c r="B219" s="107" t="s">
        <v>306</v>
      </c>
      <c r="C219" s="112" t="s">
        <v>421</v>
      </c>
      <c r="D219" s="44"/>
      <c r="E219" s="72"/>
      <c r="F219" s="73"/>
    </row>
    <row r="220" spans="2:6" s="2" customFormat="1" ht="58.5" customHeight="1" x14ac:dyDescent="0.25">
      <c r="B220" s="107" t="s">
        <v>307</v>
      </c>
      <c r="C220" s="70" t="s">
        <v>442</v>
      </c>
      <c r="D220" s="44"/>
      <c r="E220" s="72"/>
      <c r="F220" s="73"/>
    </row>
    <row r="221" spans="2:6" s="2" customFormat="1" ht="72.75" customHeight="1" x14ac:dyDescent="0.25">
      <c r="B221" s="160" t="s">
        <v>308</v>
      </c>
      <c r="C221" s="113" t="s">
        <v>343</v>
      </c>
      <c r="D221" s="44"/>
      <c r="E221" s="72"/>
      <c r="F221" s="73"/>
    </row>
    <row r="222" spans="2:6" s="2" customFormat="1" ht="60.75" customHeight="1" x14ac:dyDescent="0.25">
      <c r="B222" s="169" t="s">
        <v>413</v>
      </c>
      <c r="C222" s="114" t="s">
        <v>410</v>
      </c>
      <c r="D222" s="44"/>
      <c r="E222" s="72"/>
      <c r="F222" s="73"/>
    </row>
    <row r="223" spans="2:6" s="2" customFormat="1" ht="44.25" customHeight="1" x14ac:dyDescent="0.25">
      <c r="B223" s="170" t="s">
        <v>414</v>
      </c>
      <c r="C223" s="115" t="s">
        <v>409</v>
      </c>
      <c r="D223" s="44"/>
      <c r="E223" s="72"/>
      <c r="F223" s="73"/>
    </row>
    <row r="224" spans="2:6" s="2" customFormat="1" ht="124.5" customHeight="1" x14ac:dyDescent="0.25">
      <c r="B224" s="107" t="s">
        <v>309</v>
      </c>
      <c r="C224" s="111" t="s">
        <v>344</v>
      </c>
      <c r="D224" s="44"/>
      <c r="E224" s="72"/>
      <c r="F224" s="73"/>
    </row>
    <row r="225" spans="2:6" s="2" customFormat="1" ht="111" customHeight="1" x14ac:dyDescent="0.25">
      <c r="B225" s="161" t="s">
        <v>310</v>
      </c>
      <c r="C225" s="111" t="s">
        <v>345</v>
      </c>
      <c r="D225" s="44"/>
      <c r="E225" s="72"/>
      <c r="F225" s="73"/>
    </row>
    <row r="226" spans="2:6" s="2" customFormat="1" ht="59.25" customHeight="1" x14ac:dyDescent="0.25">
      <c r="B226" s="107" t="s">
        <v>311</v>
      </c>
      <c r="C226" s="111" t="s">
        <v>346</v>
      </c>
      <c r="D226" s="44"/>
      <c r="E226" s="72"/>
      <c r="F226" s="73"/>
    </row>
    <row r="227" spans="2:6" s="2" customFormat="1" ht="64.5" customHeight="1" x14ac:dyDescent="0.25">
      <c r="B227" s="107" t="s">
        <v>312</v>
      </c>
      <c r="C227" s="112" t="s">
        <v>347</v>
      </c>
      <c r="D227" s="44"/>
      <c r="E227" s="72"/>
      <c r="F227" s="73"/>
    </row>
    <row r="228" spans="2:6" s="2" customFormat="1" ht="45.75" customHeight="1" x14ac:dyDescent="0.25">
      <c r="B228" s="107" t="s">
        <v>313</v>
      </c>
      <c r="C228" s="102" t="s">
        <v>424</v>
      </c>
      <c r="D228" s="44"/>
      <c r="E228" s="72"/>
      <c r="F228" s="73"/>
    </row>
    <row r="229" spans="2:6" s="2" customFormat="1" ht="85.5" customHeight="1" x14ac:dyDescent="0.25">
      <c r="B229" s="107" t="s">
        <v>314</v>
      </c>
      <c r="C229" s="111" t="s">
        <v>348</v>
      </c>
      <c r="D229" s="44"/>
      <c r="E229" s="72"/>
      <c r="F229" s="73"/>
    </row>
    <row r="230" spans="2:6" s="2" customFormat="1" ht="186" customHeight="1" x14ac:dyDescent="0.25">
      <c r="B230" s="107" t="s">
        <v>315</v>
      </c>
      <c r="C230" s="111" t="s">
        <v>419</v>
      </c>
      <c r="D230" s="44"/>
      <c r="E230" s="72"/>
      <c r="F230" s="73"/>
    </row>
    <row r="231" spans="2:6" s="2" customFormat="1" ht="97.5" customHeight="1" x14ac:dyDescent="0.25">
      <c r="B231" s="107" t="s">
        <v>316</v>
      </c>
      <c r="C231" s="111" t="s">
        <v>420</v>
      </c>
      <c r="D231" s="44"/>
      <c r="E231" s="72"/>
      <c r="F231" s="73"/>
    </row>
    <row r="232" spans="2:6" s="2" customFormat="1" ht="123.75" customHeight="1" x14ac:dyDescent="0.25">
      <c r="B232" s="107" t="s">
        <v>317</v>
      </c>
      <c r="C232" s="111" t="s">
        <v>418</v>
      </c>
      <c r="D232" s="44"/>
      <c r="E232" s="72"/>
      <c r="F232" s="73"/>
    </row>
    <row r="233" spans="2:6" s="2" customFormat="1" ht="120.75" customHeight="1" x14ac:dyDescent="0.25">
      <c r="B233" s="161" t="s">
        <v>318</v>
      </c>
      <c r="C233" s="111" t="s">
        <v>417</v>
      </c>
      <c r="D233" s="44"/>
      <c r="E233" s="72"/>
      <c r="F233" s="73"/>
    </row>
    <row r="234" spans="2:6" s="2" customFormat="1" ht="47.25" customHeight="1" thickBot="1" x14ac:dyDescent="0.3">
      <c r="B234" s="108" t="s">
        <v>319</v>
      </c>
      <c r="C234" s="116" t="s">
        <v>416</v>
      </c>
      <c r="D234" s="52"/>
      <c r="E234" s="164"/>
      <c r="F234" s="165"/>
    </row>
    <row r="235" spans="2:6" s="2" customFormat="1" ht="30.75" customHeight="1" x14ac:dyDescent="0.25">
      <c r="B235" s="238" t="s">
        <v>459</v>
      </c>
      <c r="C235" s="239"/>
      <c r="D235" s="75"/>
      <c r="E235" s="181"/>
      <c r="F235" s="182"/>
    </row>
    <row r="236" spans="2:6" s="2" customFormat="1" ht="30.75" customHeight="1" x14ac:dyDescent="0.25">
      <c r="B236" s="76" t="s">
        <v>14</v>
      </c>
      <c r="C236" s="140" t="s">
        <v>440</v>
      </c>
      <c r="D236" s="44"/>
      <c r="E236" s="157"/>
      <c r="F236" s="54"/>
    </row>
    <row r="237" spans="2:6" s="2" customFormat="1" ht="24.95" customHeight="1" x14ac:dyDescent="0.25">
      <c r="B237" s="118" t="s">
        <v>54</v>
      </c>
      <c r="C237" s="109" t="s">
        <v>322</v>
      </c>
      <c r="D237" s="44"/>
      <c r="E237" s="179"/>
      <c r="F237" s="180"/>
    </row>
    <row r="238" spans="2:6" s="2" customFormat="1" ht="42" customHeight="1" x14ac:dyDescent="0.25">
      <c r="B238" s="167" t="s">
        <v>98</v>
      </c>
      <c r="C238" s="110" t="s">
        <v>415</v>
      </c>
      <c r="D238" s="44"/>
      <c r="E238" s="206"/>
      <c r="F238" s="207"/>
    </row>
    <row r="239" spans="2:6" s="2" customFormat="1" ht="21" customHeight="1" x14ac:dyDescent="0.25">
      <c r="B239" s="167" t="s">
        <v>99</v>
      </c>
      <c r="C239" s="110" t="s">
        <v>323</v>
      </c>
      <c r="D239" s="44"/>
      <c r="E239" s="179"/>
      <c r="F239" s="180"/>
    </row>
    <row r="240" spans="2:6" s="2" customFormat="1" ht="22.5" customHeight="1" x14ac:dyDescent="0.25">
      <c r="B240" s="167" t="s">
        <v>100</v>
      </c>
      <c r="C240" s="110" t="s">
        <v>324</v>
      </c>
      <c r="D240" s="75"/>
      <c r="E240" s="179"/>
      <c r="F240" s="180"/>
    </row>
    <row r="241" spans="2:6" s="2" customFormat="1" ht="45" customHeight="1" x14ac:dyDescent="0.25">
      <c r="B241" s="167" t="s">
        <v>101</v>
      </c>
      <c r="C241" s="110" t="s">
        <v>325</v>
      </c>
      <c r="D241" s="44"/>
      <c r="E241" s="179"/>
      <c r="F241" s="180"/>
    </row>
    <row r="242" spans="2:6" s="2" customFormat="1" ht="45" customHeight="1" x14ac:dyDescent="0.25">
      <c r="B242" s="167" t="s">
        <v>295</v>
      </c>
      <c r="C242" s="110" t="s">
        <v>326</v>
      </c>
      <c r="D242" s="44"/>
      <c r="E242" s="179"/>
      <c r="F242" s="180"/>
    </row>
    <row r="243" spans="2:6" s="2" customFormat="1" ht="113.25" customHeight="1" x14ac:dyDescent="0.25">
      <c r="B243" s="168" t="s">
        <v>296</v>
      </c>
      <c r="C243" s="119" t="s">
        <v>327</v>
      </c>
      <c r="D243" s="44"/>
      <c r="E243" s="179"/>
      <c r="F243" s="180"/>
    </row>
    <row r="244" spans="2:6" s="2" customFormat="1" ht="84.75" customHeight="1" x14ac:dyDescent="0.25">
      <c r="B244" s="43" t="s">
        <v>55</v>
      </c>
      <c r="C244" s="111" t="s">
        <v>412</v>
      </c>
      <c r="D244" s="44"/>
      <c r="E244" s="179"/>
      <c r="F244" s="180"/>
    </row>
    <row r="245" spans="2:6" s="2" customFormat="1" ht="72" customHeight="1" x14ac:dyDescent="0.25">
      <c r="B245" s="43" t="s">
        <v>56</v>
      </c>
      <c r="C245" s="111" t="s">
        <v>328</v>
      </c>
      <c r="D245" s="44"/>
      <c r="E245" s="179"/>
      <c r="F245" s="180"/>
    </row>
    <row r="246" spans="2:6" s="2" customFormat="1" ht="72" customHeight="1" x14ac:dyDescent="0.25">
      <c r="B246" s="43" t="s">
        <v>57</v>
      </c>
      <c r="C246" s="111" t="s">
        <v>329</v>
      </c>
      <c r="D246" s="44"/>
      <c r="E246" s="179"/>
      <c r="F246" s="180"/>
    </row>
    <row r="247" spans="2:6" s="2" customFormat="1" ht="97.5" customHeight="1" x14ac:dyDescent="0.25">
      <c r="B247" s="43" t="s">
        <v>58</v>
      </c>
      <c r="C247" s="111" t="s">
        <v>330</v>
      </c>
      <c r="D247" s="44"/>
      <c r="E247" s="179"/>
      <c r="F247" s="180"/>
    </row>
    <row r="248" spans="2:6" s="2" customFormat="1" ht="72" customHeight="1" x14ac:dyDescent="0.25">
      <c r="B248" s="43" t="s">
        <v>64</v>
      </c>
      <c r="C248" s="102" t="s">
        <v>331</v>
      </c>
      <c r="D248" s="44"/>
      <c r="E248" s="179"/>
      <c r="F248" s="180"/>
    </row>
    <row r="249" spans="2:6" s="2" customFormat="1" ht="81.75" customHeight="1" x14ac:dyDescent="0.25">
      <c r="B249" s="43" t="s">
        <v>59</v>
      </c>
      <c r="C249" s="111" t="s">
        <v>332</v>
      </c>
      <c r="D249" s="44"/>
      <c r="E249" s="179"/>
      <c r="F249" s="180"/>
    </row>
    <row r="250" spans="2:6" s="2" customFormat="1" ht="26.25" customHeight="1" x14ac:dyDescent="0.25">
      <c r="B250" s="107" t="s">
        <v>60</v>
      </c>
      <c r="C250" s="102" t="s">
        <v>333</v>
      </c>
      <c r="D250" s="44"/>
      <c r="E250" s="179"/>
      <c r="F250" s="180"/>
    </row>
    <row r="251" spans="2:6" s="2" customFormat="1" ht="33.75" customHeight="1" x14ac:dyDescent="0.25">
      <c r="B251" s="107" t="s">
        <v>61</v>
      </c>
      <c r="C251" s="69" t="s">
        <v>334</v>
      </c>
      <c r="D251" s="44"/>
      <c r="E251" s="179"/>
      <c r="F251" s="180"/>
    </row>
    <row r="252" spans="2:6" s="2" customFormat="1" ht="36" customHeight="1" x14ac:dyDescent="0.25">
      <c r="B252" s="107" t="s">
        <v>62</v>
      </c>
      <c r="C252" s="117" t="s">
        <v>335</v>
      </c>
      <c r="D252" s="44"/>
      <c r="E252" s="179"/>
      <c r="F252" s="180"/>
    </row>
    <row r="253" spans="2:6" s="2" customFormat="1" ht="39" customHeight="1" x14ac:dyDescent="0.25">
      <c r="B253" s="107" t="s">
        <v>65</v>
      </c>
      <c r="C253" s="111" t="s">
        <v>336</v>
      </c>
      <c r="D253" s="44"/>
      <c r="E253" s="179"/>
      <c r="F253" s="180"/>
    </row>
    <row r="254" spans="2:6" s="2" customFormat="1" ht="39" customHeight="1" x14ac:dyDescent="0.25">
      <c r="B254" s="107" t="s">
        <v>297</v>
      </c>
      <c r="C254" s="141" t="s">
        <v>427</v>
      </c>
      <c r="D254" s="44"/>
      <c r="E254" s="143"/>
      <c r="F254" s="144"/>
    </row>
    <row r="255" spans="2:6" s="2" customFormat="1" ht="71.25" customHeight="1" x14ac:dyDescent="0.25">
      <c r="B255" s="107" t="s">
        <v>298</v>
      </c>
      <c r="C255" s="141" t="s">
        <v>428</v>
      </c>
      <c r="D255" s="44"/>
      <c r="E255" s="143"/>
      <c r="F255" s="144"/>
    </row>
    <row r="256" spans="2:6" s="2" customFormat="1" ht="32.25" customHeight="1" x14ac:dyDescent="0.25">
      <c r="B256" s="107" t="s">
        <v>299</v>
      </c>
      <c r="C256" s="163" t="s">
        <v>441</v>
      </c>
      <c r="D256" s="44"/>
      <c r="E256" s="143"/>
      <c r="F256" s="144"/>
    </row>
    <row r="257" spans="2:6" s="2" customFormat="1" ht="32.25" customHeight="1" x14ac:dyDescent="0.25">
      <c r="B257" s="107" t="s">
        <v>300</v>
      </c>
      <c r="C257" s="163" t="s">
        <v>429</v>
      </c>
      <c r="D257" s="44"/>
      <c r="E257" s="143"/>
      <c r="F257" s="144"/>
    </row>
    <row r="258" spans="2:6" s="2" customFormat="1" ht="28.5" customHeight="1" x14ac:dyDescent="0.25">
      <c r="B258" s="171" t="s">
        <v>433</v>
      </c>
      <c r="C258" s="163" t="s">
        <v>430</v>
      </c>
      <c r="D258" s="44"/>
      <c r="E258" s="143"/>
      <c r="F258" s="144"/>
    </row>
    <row r="259" spans="2:6" s="2" customFormat="1" ht="56.25" customHeight="1" x14ac:dyDescent="0.25">
      <c r="B259" s="171" t="s">
        <v>434</v>
      </c>
      <c r="C259" s="163" t="s">
        <v>431</v>
      </c>
      <c r="D259" s="44"/>
      <c r="E259" s="143"/>
      <c r="F259" s="144"/>
    </row>
    <row r="260" spans="2:6" s="2" customFormat="1" ht="56.25" customHeight="1" x14ac:dyDescent="0.25">
      <c r="B260" s="107" t="s">
        <v>301</v>
      </c>
      <c r="C260" s="163" t="s">
        <v>432</v>
      </c>
      <c r="D260" s="44"/>
      <c r="E260" s="143"/>
      <c r="F260" s="144"/>
    </row>
    <row r="261" spans="2:6" s="2" customFormat="1" ht="57.75" customHeight="1" x14ac:dyDescent="0.25">
      <c r="B261" s="107" t="s">
        <v>302</v>
      </c>
      <c r="C261" s="163" t="s">
        <v>443</v>
      </c>
      <c r="D261" s="44"/>
      <c r="E261" s="158"/>
      <c r="F261" s="159"/>
    </row>
    <row r="262" spans="2:6" s="2" customFormat="1" ht="82.5" customHeight="1" x14ac:dyDescent="0.25">
      <c r="B262" s="107" t="s">
        <v>303</v>
      </c>
      <c r="C262" s="163" t="s">
        <v>445</v>
      </c>
      <c r="D262" s="44"/>
      <c r="E262" s="158"/>
      <c r="F262" s="159"/>
    </row>
    <row r="263" spans="2:6" s="2" customFormat="1" ht="37.5" customHeight="1" x14ac:dyDescent="0.25">
      <c r="B263" s="107" t="s">
        <v>304</v>
      </c>
      <c r="C263" s="163" t="s">
        <v>444</v>
      </c>
      <c r="D263" s="44"/>
      <c r="E263" s="158"/>
      <c r="F263" s="159"/>
    </row>
    <row r="264" spans="2:6" s="2" customFormat="1" ht="37.5" customHeight="1" x14ac:dyDescent="0.25">
      <c r="B264" s="107" t="s">
        <v>305</v>
      </c>
      <c r="C264" s="163" t="s">
        <v>446</v>
      </c>
      <c r="D264" s="44"/>
      <c r="E264" s="158"/>
      <c r="F264" s="159"/>
    </row>
    <row r="265" spans="2:6" s="2" customFormat="1" ht="139.5" customHeight="1" x14ac:dyDescent="0.25">
      <c r="B265" s="107" t="s">
        <v>306</v>
      </c>
      <c r="C265" s="69" t="s">
        <v>374</v>
      </c>
      <c r="D265" s="44"/>
      <c r="E265" s="179"/>
      <c r="F265" s="180"/>
    </row>
    <row r="266" spans="2:6" s="2" customFormat="1" ht="72" customHeight="1" x14ac:dyDescent="0.25">
      <c r="B266" s="107" t="s">
        <v>307</v>
      </c>
      <c r="C266" s="117" t="s">
        <v>375</v>
      </c>
      <c r="D266" s="44"/>
      <c r="E266" s="179"/>
      <c r="F266" s="180"/>
    </row>
    <row r="267" spans="2:6" s="2" customFormat="1" ht="33" customHeight="1" x14ac:dyDescent="0.25">
      <c r="B267" s="107" t="s">
        <v>308</v>
      </c>
      <c r="C267" s="111" t="s">
        <v>422</v>
      </c>
      <c r="D267" s="44"/>
      <c r="E267" s="179"/>
      <c r="F267" s="180"/>
    </row>
    <row r="268" spans="2:6" s="2" customFormat="1" ht="32.25" customHeight="1" x14ac:dyDescent="0.25">
      <c r="B268" s="107" t="s">
        <v>309</v>
      </c>
      <c r="C268" s="111" t="s">
        <v>337</v>
      </c>
      <c r="D268" s="44"/>
      <c r="E268" s="179"/>
      <c r="F268" s="180"/>
    </row>
    <row r="269" spans="2:6" s="2" customFormat="1" ht="55.5" customHeight="1" x14ac:dyDescent="0.25">
      <c r="B269" s="107" t="s">
        <v>310</v>
      </c>
      <c r="C269" s="111" t="s">
        <v>376</v>
      </c>
      <c r="D269" s="44"/>
      <c r="E269" s="179"/>
      <c r="F269" s="180"/>
    </row>
    <row r="270" spans="2:6" s="2" customFormat="1" ht="33" customHeight="1" x14ac:dyDescent="0.25">
      <c r="B270" s="107" t="s">
        <v>311</v>
      </c>
      <c r="C270" s="111" t="s">
        <v>338</v>
      </c>
      <c r="D270" s="44"/>
      <c r="E270" s="179"/>
      <c r="F270" s="180"/>
    </row>
    <row r="271" spans="2:6" s="2" customFormat="1" ht="59.25" customHeight="1" x14ac:dyDescent="0.25">
      <c r="B271" s="107" t="s">
        <v>312</v>
      </c>
      <c r="C271" s="111" t="s">
        <v>339</v>
      </c>
      <c r="D271" s="44"/>
      <c r="E271" s="179"/>
      <c r="F271" s="180"/>
    </row>
    <row r="272" spans="2:6" s="2" customFormat="1" ht="42.75" customHeight="1" x14ac:dyDescent="0.25">
      <c r="B272" s="107" t="s">
        <v>313</v>
      </c>
      <c r="C272" s="111" t="s">
        <v>340</v>
      </c>
      <c r="D272" s="44"/>
      <c r="E272" s="179"/>
      <c r="F272" s="180"/>
    </row>
    <row r="273" spans="2:6" s="2" customFormat="1" ht="82.5" customHeight="1" x14ac:dyDescent="0.25">
      <c r="B273" s="160" t="s">
        <v>314</v>
      </c>
      <c r="C273" s="111" t="s">
        <v>426</v>
      </c>
      <c r="D273" s="44"/>
      <c r="E273" s="179"/>
      <c r="F273" s="180"/>
    </row>
    <row r="274" spans="2:6" s="2" customFormat="1" ht="42" customHeight="1" x14ac:dyDescent="0.25">
      <c r="B274" s="107" t="s">
        <v>315</v>
      </c>
      <c r="C274" s="112" t="s">
        <v>421</v>
      </c>
      <c r="D274" s="44"/>
      <c r="E274" s="179"/>
      <c r="F274" s="180"/>
    </row>
    <row r="275" spans="2:6" s="2" customFormat="1" ht="42" customHeight="1" x14ac:dyDescent="0.25">
      <c r="B275" s="107" t="s">
        <v>316</v>
      </c>
      <c r="C275" s="162" t="s">
        <v>425</v>
      </c>
      <c r="D275" s="44"/>
      <c r="E275" s="143"/>
      <c r="F275" s="144"/>
    </row>
    <row r="276" spans="2:6" s="2" customFormat="1" ht="59.25" customHeight="1" x14ac:dyDescent="0.25">
      <c r="B276" s="107" t="s">
        <v>317</v>
      </c>
      <c r="C276" s="70" t="s">
        <v>342</v>
      </c>
      <c r="D276" s="44"/>
      <c r="E276" s="179"/>
      <c r="F276" s="180"/>
    </row>
    <row r="277" spans="2:6" s="2" customFormat="1" ht="72.75" customHeight="1" x14ac:dyDescent="0.25">
      <c r="B277" s="160" t="s">
        <v>318</v>
      </c>
      <c r="C277" s="113" t="s">
        <v>343</v>
      </c>
      <c r="D277" s="44"/>
      <c r="E277" s="179"/>
      <c r="F277" s="180"/>
    </row>
    <row r="278" spans="2:6" s="2" customFormat="1" ht="59.25" customHeight="1" x14ac:dyDescent="0.25">
      <c r="B278" s="169" t="s">
        <v>447</v>
      </c>
      <c r="C278" s="114" t="s">
        <v>410</v>
      </c>
      <c r="D278" s="44"/>
      <c r="E278" s="179"/>
      <c r="F278" s="180"/>
    </row>
    <row r="279" spans="2:6" s="2" customFormat="1" ht="45" customHeight="1" x14ac:dyDescent="0.25">
      <c r="B279" s="170" t="s">
        <v>448</v>
      </c>
      <c r="C279" s="115" t="s">
        <v>409</v>
      </c>
      <c r="D279" s="44"/>
      <c r="E279" s="179"/>
      <c r="F279" s="180"/>
    </row>
    <row r="280" spans="2:6" s="2" customFormat="1" ht="122.25" customHeight="1" x14ac:dyDescent="0.25">
      <c r="B280" s="107" t="s">
        <v>319</v>
      </c>
      <c r="C280" s="111" t="s">
        <v>344</v>
      </c>
      <c r="D280" s="44"/>
      <c r="E280" s="55"/>
      <c r="F280" s="71"/>
    </row>
    <row r="281" spans="2:6" s="2" customFormat="1" ht="107.25" customHeight="1" x14ac:dyDescent="0.25">
      <c r="B281" s="166" t="s">
        <v>320</v>
      </c>
      <c r="C281" s="111" t="s">
        <v>345</v>
      </c>
      <c r="D281" s="44"/>
      <c r="E281" s="179"/>
      <c r="F281" s="180"/>
    </row>
    <row r="282" spans="2:6" s="2" customFormat="1" ht="44.25" customHeight="1" x14ac:dyDescent="0.25">
      <c r="B282" s="107" t="s">
        <v>435</v>
      </c>
      <c r="C282" s="111" t="s">
        <v>346</v>
      </c>
      <c r="D282" s="59"/>
      <c r="E282" s="72"/>
      <c r="F282" s="73"/>
    </row>
    <row r="283" spans="2:6" s="2" customFormat="1" ht="67.5" customHeight="1" x14ac:dyDescent="0.25">
      <c r="B283" s="107" t="s">
        <v>436</v>
      </c>
      <c r="C283" s="112" t="s">
        <v>423</v>
      </c>
      <c r="D283" s="59"/>
      <c r="E283" s="72"/>
      <c r="F283" s="73"/>
    </row>
    <row r="284" spans="2:6" s="2" customFormat="1" ht="46.5" customHeight="1" x14ac:dyDescent="0.25">
      <c r="B284" s="107" t="s">
        <v>437</v>
      </c>
      <c r="C284" s="102" t="s">
        <v>424</v>
      </c>
      <c r="D284" s="59"/>
      <c r="E284" s="72"/>
      <c r="F284" s="73"/>
    </row>
    <row r="285" spans="2:6" s="2" customFormat="1" ht="86.25" customHeight="1" x14ac:dyDescent="0.25">
      <c r="B285" s="161" t="s">
        <v>438</v>
      </c>
      <c r="C285" s="111" t="s">
        <v>348</v>
      </c>
      <c r="D285" s="59"/>
      <c r="E285" s="72"/>
      <c r="F285" s="73"/>
    </row>
    <row r="286" spans="2:6" s="2" customFormat="1" ht="185.25" customHeight="1" x14ac:dyDescent="0.25">
      <c r="B286" s="107" t="s">
        <v>439</v>
      </c>
      <c r="C286" s="111" t="s">
        <v>419</v>
      </c>
      <c r="D286" s="59"/>
      <c r="E286" s="72"/>
      <c r="F286" s="73"/>
    </row>
    <row r="287" spans="2:6" s="2" customFormat="1" ht="96.75" customHeight="1" x14ac:dyDescent="0.25">
      <c r="B287" s="166" t="s">
        <v>449</v>
      </c>
      <c r="C287" s="111" t="s">
        <v>420</v>
      </c>
      <c r="D287" s="59"/>
      <c r="E287" s="72"/>
      <c r="F287" s="73"/>
    </row>
    <row r="288" spans="2:6" s="2" customFormat="1" ht="120.75" customHeight="1" x14ac:dyDescent="0.25">
      <c r="B288" s="107" t="s">
        <v>450</v>
      </c>
      <c r="C288" s="111" t="s">
        <v>418</v>
      </c>
      <c r="D288" s="59"/>
      <c r="E288" s="72"/>
      <c r="F288" s="73"/>
    </row>
    <row r="289" spans="2:7" s="2" customFormat="1" ht="105.75" customHeight="1" x14ac:dyDescent="0.25">
      <c r="B289" s="161" t="s">
        <v>451</v>
      </c>
      <c r="C289" s="111" t="s">
        <v>417</v>
      </c>
      <c r="D289" s="59"/>
      <c r="E289" s="72"/>
      <c r="F289" s="73"/>
    </row>
    <row r="290" spans="2:7" s="2" customFormat="1" ht="45.75" customHeight="1" thickBot="1" x14ac:dyDescent="0.3">
      <c r="B290" s="108" t="s">
        <v>452</v>
      </c>
      <c r="C290" s="116" t="s">
        <v>416</v>
      </c>
      <c r="D290" s="52"/>
      <c r="E290" s="142"/>
      <c r="F290" s="103"/>
    </row>
    <row r="291" spans="2:7" s="3" customFormat="1" ht="9" customHeight="1" x14ac:dyDescent="0.25">
      <c r="B291" s="5"/>
      <c r="C291" s="5"/>
      <c r="D291" s="7"/>
      <c r="E291" s="7"/>
      <c r="F291" s="25"/>
      <c r="G291" s="2"/>
    </row>
    <row r="292" spans="2:7" s="2" customFormat="1" ht="20.100000000000001" customHeight="1" x14ac:dyDescent="0.25">
      <c r="B292" s="183" t="s">
        <v>51</v>
      </c>
      <c r="C292" s="183"/>
      <c r="D292" s="183"/>
      <c r="E292" s="183"/>
      <c r="F292" s="183"/>
    </row>
    <row r="293" spans="2:7" s="2" customFormat="1" ht="4.5" customHeight="1" thickBot="1" x14ac:dyDescent="0.3">
      <c r="C293" s="3"/>
    </row>
    <row r="294" spans="2:7" s="2" customFormat="1" ht="88.5" customHeight="1" x14ac:dyDescent="0.25">
      <c r="B294" s="191" t="s">
        <v>379</v>
      </c>
      <c r="C294" s="192"/>
      <c r="D294" s="197" t="s">
        <v>52</v>
      </c>
      <c r="E294" s="198"/>
      <c r="F294" s="199"/>
    </row>
    <row r="295" spans="2:7" s="3" customFormat="1" ht="39" customHeight="1" thickBot="1" x14ac:dyDescent="0.3">
      <c r="B295" s="193"/>
      <c r="C295" s="194"/>
      <c r="D295" s="23" t="s">
        <v>6</v>
      </c>
      <c r="E295" s="200" t="s">
        <v>29</v>
      </c>
      <c r="F295" s="201"/>
      <c r="G295" s="2"/>
    </row>
    <row r="296" spans="2:7" s="3" customFormat="1" ht="123" customHeight="1" x14ac:dyDescent="0.25">
      <c r="B296" s="45" t="s">
        <v>14</v>
      </c>
      <c r="C296" s="128" t="s">
        <v>377</v>
      </c>
      <c r="D296" s="46"/>
      <c r="E296" s="204"/>
      <c r="F296" s="205"/>
      <c r="G296" s="2"/>
    </row>
    <row r="297" spans="2:7" s="3" customFormat="1" ht="50.25" customHeight="1" thickBot="1" x14ac:dyDescent="0.3">
      <c r="B297" s="43" t="s">
        <v>54</v>
      </c>
      <c r="C297" s="83" t="s">
        <v>66</v>
      </c>
      <c r="D297" s="48"/>
      <c r="E297" s="55"/>
      <c r="F297" s="54"/>
      <c r="G297" s="2"/>
    </row>
    <row r="298" spans="2:7" s="3" customFormat="1" ht="54" customHeight="1" x14ac:dyDescent="0.25">
      <c r="B298" s="43" t="s">
        <v>55</v>
      </c>
      <c r="C298" s="83" t="s">
        <v>67</v>
      </c>
      <c r="D298" s="53"/>
      <c r="E298" s="206"/>
      <c r="F298" s="207"/>
      <c r="G298" s="2"/>
    </row>
    <row r="299" spans="2:7" s="3" customFormat="1" ht="104.25" customHeight="1" x14ac:dyDescent="0.25">
      <c r="B299" s="43" t="s">
        <v>56</v>
      </c>
      <c r="C299" s="129" t="s">
        <v>378</v>
      </c>
      <c r="D299" s="53"/>
      <c r="E299" s="206"/>
      <c r="F299" s="207"/>
      <c r="G299" s="2"/>
    </row>
    <row r="300" spans="2:7" s="3" customFormat="1" ht="40.5" customHeight="1" x14ac:dyDescent="0.25">
      <c r="B300" s="76" t="s">
        <v>57</v>
      </c>
      <c r="C300" s="84" t="s">
        <v>79</v>
      </c>
      <c r="D300" s="53"/>
      <c r="E300" s="206"/>
      <c r="F300" s="207"/>
      <c r="G300" s="2"/>
    </row>
    <row r="301" spans="2:7" s="3" customFormat="1" ht="32.25" customHeight="1" x14ac:dyDescent="0.25">
      <c r="B301" s="76" t="s">
        <v>58</v>
      </c>
      <c r="C301" s="130" t="s">
        <v>75</v>
      </c>
      <c r="D301" s="53"/>
      <c r="E301" s="206"/>
      <c r="F301" s="207"/>
      <c r="G301" s="2"/>
    </row>
    <row r="302" spans="2:7" s="3" customFormat="1" ht="35.25" customHeight="1" x14ac:dyDescent="0.25">
      <c r="B302" s="76" t="s">
        <v>64</v>
      </c>
      <c r="C302" s="130" t="s">
        <v>76</v>
      </c>
      <c r="D302" s="53"/>
      <c r="E302" s="206"/>
      <c r="F302" s="207"/>
      <c r="G302" s="2"/>
    </row>
    <row r="303" spans="2:7" s="3" customFormat="1" ht="32.25" customHeight="1" x14ac:dyDescent="0.25">
      <c r="B303" s="76" t="s">
        <v>59</v>
      </c>
      <c r="C303" s="130" t="s">
        <v>77</v>
      </c>
      <c r="D303" s="53"/>
      <c r="E303" s="206"/>
      <c r="F303" s="207"/>
      <c r="G303" s="2"/>
    </row>
    <row r="304" spans="2:7" s="3" customFormat="1" ht="39.75" customHeight="1" x14ac:dyDescent="0.25">
      <c r="B304" s="76" t="s">
        <v>60</v>
      </c>
      <c r="C304" s="130" t="s">
        <v>78</v>
      </c>
      <c r="D304" s="53"/>
      <c r="E304" s="206"/>
      <c r="F304" s="207"/>
      <c r="G304" s="2"/>
    </row>
    <row r="305" spans="2:7" s="3" customFormat="1" ht="39.75" customHeight="1" x14ac:dyDescent="0.25">
      <c r="B305" s="76" t="s">
        <v>61</v>
      </c>
      <c r="C305" s="84" t="s">
        <v>73</v>
      </c>
      <c r="D305" s="53"/>
      <c r="E305" s="120"/>
      <c r="F305" s="121"/>
      <c r="G305" s="2"/>
    </row>
    <row r="306" spans="2:7" s="3" customFormat="1" ht="59.25" customHeight="1" x14ac:dyDescent="0.25">
      <c r="B306" s="76" t="s">
        <v>62</v>
      </c>
      <c r="C306" s="85" t="s">
        <v>74</v>
      </c>
      <c r="D306" s="53"/>
      <c r="E306" s="206"/>
      <c r="F306" s="207"/>
      <c r="G306" s="2"/>
    </row>
    <row r="307" spans="2:7" s="3" customFormat="1" ht="30.75" customHeight="1" thickBot="1" x14ac:dyDescent="0.3">
      <c r="B307" s="47" t="s">
        <v>65</v>
      </c>
      <c r="C307" s="86" t="s">
        <v>53</v>
      </c>
      <c r="D307" s="48"/>
      <c r="E307" s="202"/>
      <c r="F307" s="203"/>
      <c r="G307" s="2"/>
    </row>
    <row r="308" spans="2:7" s="2" customFormat="1" ht="5.0999999999999996" customHeight="1" x14ac:dyDescent="0.25">
      <c r="B308" s="5"/>
      <c r="C308" s="5"/>
      <c r="D308" s="7"/>
      <c r="E308" s="7"/>
      <c r="F308" s="25"/>
    </row>
    <row r="309" spans="2:7" s="2" customFormat="1" ht="20.100000000000001" customHeight="1" x14ac:dyDescent="0.25">
      <c r="B309" s="183" t="s">
        <v>13</v>
      </c>
      <c r="C309" s="183"/>
      <c r="D309" s="183"/>
      <c r="E309" s="183"/>
      <c r="F309" s="183"/>
    </row>
    <row r="310" spans="2:7" s="3" customFormat="1" ht="30" customHeight="1" x14ac:dyDescent="0.25">
      <c r="B310" s="5" t="s">
        <v>15</v>
      </c>
      <c r="C310" s="228" t="s">
        <v>456</v>
      </c>
      <c r="D310" s="228"/>
      <c r="E310" s="228"/>
      <c r="F310" s="228"/>
      <c r="G310" s="2"/>
    </row>
    <row r="311" spans="2:7" s="27" customFormat="1" ht="30" customHeight="1" x14ac:dyDescent="0.25">
      <c r="B311" s="5" t="s">
        <v>30</v>
      </c>
      <c r="C311" s="228" t="s">
        <v>31</v>
      </c>
      <c r="D311" s="228"/>
      <c r="E311" s="228"/>
      <c r="F311" s="228"/>
      <c r="G311" s="2"/>
    </row>
    <row r="312" spans="2:7" s="27" customFormat="1" ht="30" customHeight="1" x14ac:dyDescent="0.25">
      <c r="B312" s="229" t="s">
        <v>32</v>
      </c>
      <c r="C312" s="229"/>
      <c r="D312" s="229"/>
      <c r="E312" s="229"/>
      <c r="F312" s="3"/>
      <c r="G312" s="2"/>
    </row>
    <row r="313" spans="2:7" s="2" customFormat="1" ht="24.95" customHeight="1" x14ac:dyDescent="0.25">
      <c r="B313" s="26" t="s">
        <v>33</v>
      </c>
      <c r="C313" s="226"/>
      <c r="D313" s="226"/>
      <c r="F313" s="27"/>
    </row>
    <row r="314" spans="2:7" s="2" customFormat="1" ht="24.95" customHeight="1" x14ac:dyDescent="0.25">
      <c r="B314" s="26" t="s">
        <v>34</v>
      </c>
      <c r="C314" s="226"/>
      <c r="D314" s="226"/>
      <c r="F314" s="27"/>
    </row>
    <row r="315" spans="2:7" s="2" customFormat="1" ht="24.95" customHeight="1" x14ac:dyDescent="0.25">
      <c r="B315" s="26" t="s">
        <v>35</v>
      </c>
      <c r="C315" s="226"/>
      <c r="D315" s="226"/>
      <c r="F315" s="27"/>
    </row>
    <row r="316" spans="2:7" s="3" customFormat="1" ht="24.95" customHeight="1" x14ac:dyDescent="0.25">
      <c r="B316" s="26" t="s">
        <v>36</v>
      </c>
      <c r="C316" s="226"/>
      <c r="D316" s="226"/>
      <c r="E316" s="2"/>
      <c r="F316" s="28"/>
      <c r="G316" s="2"/>
    </row>
    <row r="317" spans="2:7" s="2" customFormat="1" ht="14.25" customHeight="1" x14ac:dyDescent="0.2">
      <c r="B317" s="11"/>
      <c r="C317" s="66"/>
      <c r="D317" s="12"/>
      <c r="F317" s="29"/>
    </row>
    <row r="318" spans="2:7" s="3" customFormat="1" ht="15" customHeight="1" x14ac:dyDescent="0.25">
      <c r="B318" s="230" t="s">
        <v>37</v>
      </c>
      <c r="C318" s="230"/>
      <c r="D318" s="230"/>
      <c r="E318" s="230"/>
      <c r="F318" s="230"/>
    </row>
    <row r="319" spans="2:7" s="2" customFormat="1" ht="36.75" customHeight="1" x14ac:dyDescent="0.25">
      <c r="B319" s="227" t="s">
        <v>48</v>
      </c>
      <c r="C319" s="227"/>
      <c r="D319" s="227"/>
      <c r="E319" s="227"/>
      <c r="F319" s="227"/>
    </row>
    <row r="320" spans="2:7" s="2" customFormat="1" ht="20.100000000000001" customHeight="1" x14ac:dyDescent="0.2">
      <c r="B320" s="1"/>
      <c r="C320" s="3"/>
      <c r="D320" s="8"/>
      <c r="E320" s="8"/>
    </row>
    <row r="321" spans="2:6" s="3" customFormat="1" ht="4.5" customHeight="1" x14ac:dyDescent="0.2">
      <c r="B321" s="1"/>
      <c r="D321" s="8"/>
      <c r="E321" s="8"/>
      <c r="F321" s="2"/>
    </row>
    <row r="322" spans="2:6" s="3" customFormat="1" ht="20.100000000000001" customHeight="1" x14ac:dyDescent="0.25">
      <c r="B322" s="30" t="s">
        <v>38</v>
      </c>
      <c r="C322" s="67"/>
      <c r="D322" s="31" t="s">
        <v>39</v>
      </c>
      <c r="E322" s="224"/>
      <c r="F322" s="224"/>
    </row>
    <row r="323" spans="2:6" s="3" customFormat="1" ht="20.100000000000001" customHeight="1" x14ac:dyDescent="0.25">
      <c r="B323" s="32"/>
      <c r="C323" s="68"/>
      <c r="D323" s="32"/>
      <c r="E323" s="33"/>
      <c r="F323" s="33"/>
    </row>
    <row r="324" spans="2:6" ht="20.100000000000001" customHeight="1" x14ac:dyDescent="0.2">
      <c r="B324" s="30" t="s">
        <v>40</v>
      </c>
      <c r="C324" s="67"/>
      <c r="D324" s="34" t="s">
        <v>41</v>
      </c>
      <c r="E324" s="225"/>
      <c r="F324" s="225"/>
    </row>
    <row r="325" spans="2:6" s="2" customFormat="1" ht="20.100000000000001" customHeight="1" x14ac:dyDescent="0.2">
      <c r="B325" s="1"/>
      <c r="C325" s="3"/>
      <c r="D325" s="34" t="s">
        <v>42</v>
      </c>
      <c r="E325" s="226"/>
      <c r="F325" s="226"/>
    </row>
    <row r="326" spans="2:6" s="2" customFormat="1" ht="20.100000000000001" customHeight="1" x14ac:dyDescent="0.2">
      <c r="B326" s="1"/>
      <c r="C326" s="3"/>
      <c r="D326" s="35" t="s">
        <v>43</v>
      </c>
      <c r="E326" s="1"/>
    </row>
    <row r="327" spans="2:6" s="2" customFormat="1" ht="37.5" customHeight="1" x14ac:dyDescent="0.25">
      <c r="C327" s="3"/>
    </row>
    <row r="328" spans="2:6" s="2" customFormat="1" ht="24" customHeight="1" x14ac:dyDescent="0.25">
      <c r="C328" s="3"/>
    </row>
    <row r="329" spans="2:6" s="2" customFormat="1" ht="24" customHeight="1" x14ac:dyDescent="0.25">
      <c r="C329" s="3"/>
    </row>
    <row r="330" spans="2:6" s="2" customFormat="1" ht="24" customHeight="1" x14ac:dyDescent="0.25">
      <c r="C330" s="3"/>
    </row>
    <row r="331" spans="2:6" s="2" customFormat="1" ht="20.100000000000001" customHeight="1" x14ac:dyDescent="0.25">
      <c r="C331" s="3"/>
    </row>
    <row r="332" spans="2:6" s="2" customFormat="1" ht="20.100000000000001" customHeight="1" x14ac:dyDescent="0.25">
      <c r="C332" s="3"/>
    </row>
    <row r="333" spans="2:6" s="2" customFormat="1" ht="50.1" customHeight="1" x14ac:dyDescent="0.25">
      <c r="C333" s="3"/>
    </row>
    <row r="334" spans="2:6" s="2" customFormat="1" ht="43.5" customHeight="1" x14ac:dyDescent="0.25">
      <c r="C334" s="3"/>
    </row>
    <row r="335" spans="2:6" ht="24.75" customHeight="1" x14ac:dyDescent="0.2">
      <c r="B335" s="2"/>
      <c r="D335" s="2"/>
      <c r="E335" s="2"/>
    </row>
    <row r="336" spans="2:6" x14ac:dyDescent="0.2">
      <c r="B336" s="2"/>
      <c r="D336" s="2"/>
      <c r="E336" s="2"/>
    </row>
    <row r="337" ht="20.100000000000001" customHeight="1" x14ac:dyDescent="0.2"/>
    <row r="338" ht="4.5" customHeight="1" x14ac:dyDescent="0.2"/>
    <row r="339" ht="20.100000000000001" customHeight="1" x14ac:dyDescent="0.2"/>
    <row r="340" ht="20.100000000000001" customHeight="1" x14ac:dyDescent="0.2"/>
    <row r="341" ht="20.100000000000001" customHeight="1" x14ac:dyDescent="0.2"/>
  </sheetData>
  <mergeCells count="243">
    <mergeCell ref="E138:F138"/>
    <mergeCell ref="E139:F139"/>
    <mergeCell ref="E140:F140"/>
    <mergeCell ref="E141:F141"/>
    <mergeCell ref="E142:F142"/>
    <mergeCell ref="E143:F143"/>
    <mergeCell ref="E157:F157"/>
    <mergeCell ref="E158:F158"/>
    <mergeCell ref="E301:F301"/>
    <mergeCell ref="E173:F173"/>
    <mergeCell ref="E278:F278"/>
    <mergeCell ref="E250:F250"/>
    <mergeCell ref="E276:F276"/>
    <mergeCell ref="E277:F277"/>
    <mergeCell ref="E247:F247"/>
    <mergeCell ref="E248:F248"/>
    <mergeCell ref="E249:F249"/>
    <mergeCell ref="E251:F251"/>
    <mergeCell ref="E252:F252"/>
    <mergeCell ref="E273:F273"/>
    <mergeCell ref="E253:F253"/>
    <mergeCell ref="E265:F265"/>
    <mergeCell ref="E270:F270"/>
    <mergeCell ref="E271:F271"/>
    <mergeCell ref="E303:F303"/>
    <mergeCell ref="E302:F302"/>
    <mergeCell ref="B191:C191"/>
    <mergeCell ref="E238:F238"/>
    <mergeCell ref="B45:C45"/>
    <mergeCell ref="B53:C53"/>
    <mergeCell ref="B58:D58"/>
    <mergeCell ref="B66:D66"/>
    <mergeCell ref="B69:C69"/>
    <mergeCell ref="E78:F78"/>
    <mergeCell ref="E79:F79"/>
    <mergeCell ref="E61:F61"/>
    <mergeCell ref="E62:F62"/>
    <mergeCell ref="E63:F63"/>
    <mergeCell ref="E64:F64"/>
    <mergeCell ref="E65:F65"/>
    <mergeCell ref="E74:F74"/>
    <mergeCell ref="E48:F48"/>
    <mergeCell ref="E69:F69"/>
    <mergeCell ref="E72:F72"/>
    <mergeCell ref="E73:F73"/>
    <mergeCell ref="B235:C235"/>
    <mergeCell ref="B189:C190"/>
    <mergeCell ref="E169:F169"/>
    <mergeCell ref="C31:D31"/>
    <mergeCell ref="C34:D34"/>
    <mergeCell ref="E306:F306"/>
    <mergeCell ref="E84:F84"/>
    <mergeCell ref="E85:F85"/>
    <mergeCell ref="E92:F92"/>
    <mergeCell ref="E93:F93"/>
    <mergeCell ref="E94:F94"/>
    <mergeCell ref="E87:F87"/>
    <mergeCell ref="E279:F279"/>
    <mergeCell ref="E100:F100"/>
    <mergeCell ref="E105:F105"/>
    <mergeCell ref="E106:F106"/>
    <mergeCell ref="E107:F107"/>
    <mergeCell ref="E108:F108"/>
    <mergeCell ref="E109:F109"/>
    <mergeCell ref="E110:F110"/>
    <mergeCell ref="E111:F111"/>
    <mergeCell ref="E299:F299"/>
    <mergeCell ref="E300:F300"/>
    <mergeCell ref="E298:F298"/>
    <mergeCell ref="E193:F193"/>
    <mergeCell ref="E190:F190"/>
    <mergeCell ref="E191:F191"/>
    <mergeCell ref="E101:F101"/>
    <mergeCell ref="E102:F102"/>
    <mergeCell ref="E95:F95"/>
    <mergeCell ref="E99:F99"/>
    <mergeCell ref="E120:F120"/>
    <mergeCell ref="E121:F121"/>
    <mergeCell ref="D189:F189"/>
    <mergeCell ref="E272:F272"/>
    <mergeCell ref="E60:F60"/>
    <mergeCell ref="E170:F170"/>
    <mergeCell ref="E114:F114"/>
    <mergeCell ref="E115:F115"/>
    <mergeCell ref="E162:F162"/>
    <mergeCell ref="E163:F163"/>
    <mergeCell ref="E164:F164"/>
    <mergeCell ref="E165:F165"/>
    <mergeCell ref="E166:F166"/>
    <mergeCell ref="E167:F167"/>
    <mergeCell ref="E168:F168"/>
    <mergeCell ref="E144:F144"/>
    <mergeCell ref="E161:F161"/>
    <mergeCell ref="E122:F122"/>
    <mergeCell ref="E123:F123"/>
    <mergeCell ref="E124:F124"/>
    <mergeCell ref="E322:F322"/>
    <mergeCell ref="E324:F324"/>
    <mergeCell ref="E325:F325"/>
    <mergeCell ref="B319:F319"/>
    <mergeCell ref="B309:F309"/>
    <mergeCell ref="C310:F310"/>
    <mergeCell ref="C311:F311"/>
    <mergeCell ref="B312:E312"/>
    <mergeCell ref="B318:F318"/>
    <mergeCell ref="C313:D313"/>
    <mergeCell ref="C314:D314"/>
    <mergeCell ref="C315:D315"/>
    <mergeCell ref="C316:D316"/>
    <mergeCell ref="B2:F2"/>
    <mergeCell ref="B1:F1"/>
    <mergeCell ref="B25:C25"/>
    <mergeCell ref="B28:C28"/>
    <mergeCell ref="B9:F9"/>
    <mergeCell ref="B15:D15"/>
    <mergeCell ref="B13:C13"/>
    <mergeCell ref="B14:C14"/>
    <mergeCell ref="B21:F21"/>
    <mergeCell ref="B22:D22"/>
    <mergeCell ref="B23:F23"/>
    <mergeCell ref="B18:D18"/>
    <mergeCell ref="B19:D19"/>
    <mergeCell ref="B20:F20"/>
    <mergeCell ref="B24:F24"/>
    <mergeCell ref="E266:F266"/>
    <mergeCell ref="E267:F267"/>
    <mergeCell ref="E268:F268"/>
    <mergeCell ref="E269:F269"/>
    <mergeCell ref="E304:F304"/>
    <mergeCell ref="B172:F172"/>
    <mergeCell ref="E171:F171"/>
    <mergeCell ref="B3:F3"/>
    <mergeCell ref="B7:F7"/>
    <mergeCell ref="B8:F8"/>
    <mergeCell ref="B11:F11"/>
    <mergeCell ref="B12:D12"/>
    <mergeCell ref="C30:D30"/>
    <mergeCell ref="B36:C36"/>
    <mergeCell ref="E274:F274"/>
    <mergeCell ref="E66:F66"/>
    <mergeCell ref="E67:F67"/>
    <mergeCell ref="E68:F68"/>
    <mergeCell ref="E52:F52"/>
    <mergeCell ref="E53:F53"/>
    <mergeCell ref="E54:F54"/>
    <mergeCell ref="E55:F55"/>
    <mergeCell ref="E104:F104"/>
    <mergeCell ref="E81:F81"/>
    <mergeCell ref="E58:F58"/>
    <mergeCell ref="E59:F59"/>
    <mergeCell ref="E46:F46"/>
    <mergeCell ref="E76:F76"/>
    <mergeCell ref="E77:F77"/>
    <mergeCell ref="D42:F42"/>
    <mergeCell ref="E43:F43"/>
    <mergeCell ref="E307:F307"/>
    <mergeCell ref="B292:F292"/>
    <mergeCell ref="B294:C295"/>
    <mergeCell ref="D294:F294"/>
    <mergeCell ref="E295:F295"/>
    <mergeCell ref="E70:F70"/>
    <mergeCell ref="E71:F71"/>
    <mergeCell ref="E296:F296"/>
    <mergeCell ref="E240:F240"/>
    <mergeCell ref="E241:F241"/>
    <mergeCell ref="E242:F242"/>
    <mergeCell ref="E243:F243"/>
    <mergeCell ref="E244:F244"/>
    <mergeCell ref="E245:F245"/>
    <mergeCell ref="E246:F246"/>
    <mergeCell ref="E239:F239"/>
    <mergeCell ref="E281:F281"/>
    <mergeCell ref="E98:F98"/>
    <mergeCell ref="E97:F97"/>
    <mergeCell ref="E47:F47"/>
    <mergeCell ref="B44:F44"/>
    <mergeCell ref="E45:F45"/>
    <mergeCell ref="B123:C123"/>
    <mergeCell ref="B137:C137"/>
    <mergeCell ref="B40:F40"/>
    <mergeCell ref="B42:C43"/>
    <mergeCell ref="E103:F103"/>
    <mergeCell ref="E89:F89"/>
    <mergeCell ref="E90:F90"/>
    <mergeCell ref="E91:F91"/>
    <mergeCell ref="E88:F88"/>
    <mergeCell ref="E80:F80"/>
    <mergeCell ref="E86:F86"/>
    <mergeCell ref="E75:F75"/>
    <mergeCell ref="E82:F82"/>
    <mergeCell ref="E83:F83"/>
    <mergeCell ref="E49:F49"/>
    <mergeCell ref="E50:F50"/>
    <mergeCell ref="E51:F51"/>
    <mergeCell ref="E56:F56"/>
    <mergeCell ref="E57:F57"/>
    <mergeCell ref="B144:C144"/>
    <mergeCell ref="B160:C160"/>
    <mergeCell ref="E96:F96"/>
    <mergeCell ref="B79:C79"/>
    <mergeCell ref="B87:C87"/>
    <mergeCell ref="B90:C90"/>
    <mergeCell ref="B92:C92"/>
    <mergeCell ref="B100:C100"/>
    <mergeCell ref="B104:C104"/>
    <mergeCell ref="E145:F145"/>
    <mergeCell ref="E147:F147"/>
    <mergeCell ref="E159:F159"/>
    <mergeCell ref="E160:F160"/>
    <mergeCell ref="E148:F148"/>
    <mergeCell ref="E149:F149"/>
    <mergeCell ref="E150:F150"/>
    <mergeCell ref="E151:F151"/>
    <mergeCell ref="E152:F152"/>
    <mergeCell ref="E153:F153"/>
    <mergeCell ref="E154:F154"/>
    <mergeCell ref="E112:F112"/>
    <mergeCell ref="E113:F113"/>
    <mergeCell ref="E116:F116"/>
    <mergeCell ref="E117:F117"/>
    <mergeCell ref="C33:D33"/>
    <mergeCell ref="E155:F155"/>
    <mergeCell ref="E156:F156"/>
    <mergeCell ref="E237:F237"/>
    <mergeCell ref="E235:F235"/>
    <mergeCell ref="E192:F192"/>
    <mergeCell ref="B187:F187"/>
    <mergeCell ref="E146:F146"/>
    <mergeCell ref="E137:F137"/>
    <mergeCell ref="E136:F136"/>
    <mergeCell ref="E135:F135"/>
    <mergeCell ref="E134:F134"/>
    <mergeCell ref="E133:F133"/>
    <mergeCell ref="E132:F132"/>
    <mergeCell ref="E131:F131"/>
    <mergeCell ref="E130:F130"/>
    <mergeCell ref="E129:F129"/>
    <mergeCell ref="E128:F128"/>
    <mergeCell ref="E127:F127"/>
    <mergeCell ref="E126:F126"/>
    <mergeCell ref="E125:F125"/>
    <mergeCell ref="E118:F118"/>
    <mergeCell ref="E119:F119"/>
  </mergeCells>
  <conditionalFormatting sqref="D49 D74:D86 D67:D68 D88:D171 D51 D53 D56:D65 D296:D306 D173:D185 D250:D290 D191:D248">
    <cfRule type="containsBlanks" dxfId="23" priority="129">
      <formula>LEN(TRIM(D49))=0</formula>
    </cfRule>
  </conditionalFormatting>
  <conditionalFormatting sqref="E324:F324">
    <cfRule type="containsBlanks" dxfId="22" priority="128">
      <formula>LEN(TRIM(E324))=0</formula>
    </cfRule>
  </conditionalFormatting>
  <conditionalFormatting sqref="C322">
    <cfRule type="containsBlanks" dxfId="21" priority="126">
      <formula>LEN(TRIM(C322))=0</formula>
    </cfRule>
  </conditionalFormatting>
  <conditionalFormatting sqref="E325:F325">
    <cfRule type="containsBlanks" dxfId="20" priority="127">
      <formula>LEN(TRIM(E325))=0</formula>
    </cfRule>
  </conditionalFormatting>
  <conditionalFormatting sqref="C324">
    <cfRule type="containsBlanks" dxfId="19" priority="125">
      <formula>LEN(TRIM(C324))=0</formula>
    </cfRule>
  </conditionalFormatting>
  <conditionalFormatting sqref="C4:C5">
    <cfRule type="containsBlanks" dxfId="18" priority="124">
      <formula>LEN(TRIM(C4))=0</formula>
    </cfRule>
  </conditionalFormatting>
  <conditionalFormatting sqref="D45:D47">
    <cfRule type="containsBlanks" dxfId="17" priority="123">
      <formula>LEN(TRIM(D45))=0</formula>
    </cfRule>
  </conditionalFormatting>
  <conditionalFormatting sqref="C315:D315">
    <cfRule type="containsBlanks" dxfId="16" priority="114">
      <formula>LEN(TRIM(C315))=0</formula>
    </cfRule>
  </conditionalFormatting>
  <conditionalFormatting sqref="D72">
    <cfRule type="containsBlanks" dxfId="15" priority="99">
      <formula>LEN(TRIM(D72))=0</formula>
    </cfRule>
  </conditionalFormatting>
  <conditionalFormatting sqref="D73">
    <cfRule type="containsBlanks" dxfId="14" priority="97">
      <formula>LEN(TRIM(D73))=0</formula>
    </cfRule>
  </conditionalFormatting>
  <conditionalFormatting sqref="D70:D71">
    <cfRule type="containsBlanks" dxfId="13" priority="95">
      <formula>LEN(TRIM(D70))=0</formula>
    </cfRule>
  </conditionalFormatting>
  <conditionalFormatting sqref="C314:D314">
    <cfRule type="containsBlanks" dxfId="12" priority="65">
      <formula>LEN(TRIM(C314))=0</formula>
    </cfRule>
  </conditionalFormatting>
  <conditionalFormatting sqref="C313:D313">
    <cfRule type="containsBlanks" dxfId="11" priority="64">
      <formula>LEN(TRIM(C313))=0</formula>
    </cfRule>
  </conditionalFormatting>
  <conditionalFormatting sqref="C316:D316">
    <cfRule type="containsBlanks" dxfId="10" priority="63">
      <formula>LEN(TRIM(C316))=0</formula>
    </cfRule>
  </conditionalFormatting>
  <conditionalFormatting sqref="D307">
    <cfRule type="containsBlanks" dxfId="9" priority="56">
      <formula>LEN(TRIM(D307))=0</formula>
    </cfRule>
  </conditionalFormatting>
  <conditionalFormatting sqref="D249">
    <cfRule type="containsBlanks" dxfId="8" priority="55">
      <formula>LEN(TRIM(D249))=0</formula>
    </cfRule>
  </conditionalFormatting>
  <conditionalFormatting sqref="D66">
    <cfRule type="containsBlanks" dxfId="7" priority="11">
      <formula>LEN(TRIM(D66))=0</formula>
    </cfRule>
  </conditionalFormatting>
  <conditionalFormatting sqref="D69">
    <cfRule type="containsBlanks" dxfId="6" priority="10">
      <formula>LEN(TRIM(D69))=0</formula>
    </cfRule>
  </conditionalFormatting>
  <conditionalFormatting sqref="D52">
    <cfRule type="containsBlanks" dxfId="5" priority="4">
      <formula>LEN(TRIM(D52))=0</formula>
    </cfRule>
  </conditionalFormatting>
  <conditionalFormatting sqref="D48">
    <cfRule type="containsBlanks" dxfId="4" priority="6">
      <formula>LEN(TRIM(D48))=0</formula>
    </cfRule>
  </conditionalFormatting>
  <conditionalFormatting sqref="D50">
    <cfRule type="containsBlanks" dxfId="3" priority="5">
      <formula>LEN(TRIM(D50))=0</formula>
    </cfRule>
  </conditionalFormatting>
  <conditionalFormatting sqref="D55">
    <cfRule type="containsBlanks" dxfId="2" priority="2">
      <formula>LEN(TRIM(D55))=0</formula>
    </cfRule>
  </conditionalFormatting>
  <conditionalFormatting sqref="D54">
    <cfRule type="containsBlanks" dxfId="1" priority="3">
      <formula>LEN(TRIM(D54))=0</formula>
    </cfRule>
  </conditionalFormatting>
  <printOptions horizontalCentered="1"/>
  <pageMargins left="0.70866141732283472" right="0.70866141732283472" top="0.9055118110236221" bottom="0.74803149606299213" header="0.31496062992125984" footer="0.31496062992125984"/>
  <pageSetup paperSize="9" scale="64"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6</xdr:row>
                    <xdr:rowOff>9525</xdr:rowOff>
                  </from>
                  <to>
                    <xdr:col>1</xdr:col>
                    <xdr:colOff>885825</xdr:colOff>
                    <xdr:row>3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7</xdr:row>
                    <xdr:rowOff>0</xdr:rowOff>
                  </from>
                  <to>
                    <xdr:col>1</xdr:col>
                    <xdr:colOff>8858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01-20T08:49:40Z</cp:lastPrinted>
  <dcterms:created xsi:type="dcterms:W3CDTF">2017-04-21T05:51:15Z</dcterms:created>
  <dcterms:modified xsi:type="dcterms:W3CDTF">2023-02-17T13:37:09Z</dcterms:modified>
</cp:coreProperties>
</file>